
<file path=[Content_Types].xml><?xml version="1.0" encoding="utf-8"?>
<Types xmlns="http://schemas.openxmlformats.org/package/2006/content-types">
  <Override PartName="/ppt/slides/slide29.xml" ContentType="application/vnd.openxmlformats-officedocument.presentationml.slide+xml"/>
  <Override PartName="/ppt/slides/slide47.xml" ContentType="application/vnd.openxmlformats-officedocument.presentationml.slide+xml"/>
  <Override PartName="/ppt/slides/slide58.xml" ContentType="application/vnd.openxmlformats-officedocument.presentationml.slide+xml"/>
  <Override PartName="/ppt/slides/slide76.xml" ContentType="application/vnd.openxmlformats-officedocument.presentationml.slide+xml"/>
  <Override PartName="/ppt/notesSlides/notesSlide2.xml" ContentType="application/vnd.openxmlformats-officedocument.presentationml.notesSlide+xml"/>
  <Override PartName="/ppt/tags/tag8.xml" ContentType="application/vnd.openxmlformats-officedocument.presentationml.tags+xml"/>
  <Override PartName="/customXml/itemProps1.xml" ContentType="application/vnd.openxmlformats-officedocument.customXmlProperties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s/slide36.xml" ContentType="application/vnd.openxmlformats-officedocument.presentationml.slide+xml"/>
  <Override PartName="/ppt/slides/slide54.xml" ContentType="application/vnd.openxmlformats-officedocument.presentationml.slide+xml"/>
  <Override PartName="/ppt/slides/slide65.xml" ContentType="application/vnd.openxmlformats-officedocument.presentationml.slide+xml"/>
  <Override PartName="/ppt/slides/slide83.xml" ContentType="application/vnd.openxmlformats-officedocument.presentationml.slide+xml"/>
  <Override PartName="/ppt/slideLayouts/slideLayout6.xml" ContentType="application/vnd.openxmlformats-officedocument.presentationml.slideLayout+xml"/>
  <Override PartName="/ppt/tags/tag4.xml" ContentType="application/vnd.openxmlformats-officedocument.presentationml.tags+xml"/>
  <Override PartName="/ppt/slides/slide25.xml" ContentType="application/vnd.openxmlformats-officedocument.presentationml.slide+xml"/>
  <Override PartName="/ppt/slides/slide43.xml" ContentType="application/vnd.openxmlformats-officedocument.presentationml.slide+xml"/>
  <Override PartName="/ppt/slides/slide72.xml" ContentType="application/vnd.openxmlformats-officedocument.presentationml.slide+xml"/>
  <Override PartName="/ppt/slides/slide90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Default Extension="xml" ContentType="application/xml"/>
  <Override PartName="/ppt/slides/slide14.xml" ContentType="application/vnd.openxmlformats-officedocument.presentationml.slide+xml"/>
  <Override PartName="/ppt/slides/slide32.xml" ContentType="application/vnd.openxmlformats-officedocument.presentationml.slide+xml"/>
  <Override PartName="/ppt/slides/slide50.xml" ContentType="application/vnd.openxmlformats-officedocument.presentationml.slide+xml"/>
  <Override PartName="/ppt/slides/slide61.xml" ContentType="application/vnd.openxmlformats-officedocument.presentationml.slide+xml"/>
  <Override PartName="/ppt/notesMasters/notesMaster1.xml" ContentType="application/vnd.openxmlformats-officedocument.presentationml.notesMaster+xml"/>
  <Override PartName="/ppt/slideLayouts/slideLayout13.xml" ContentType="application/vnd.openxmlformats-officedocument.presentationml.slideLayout+xml"/>
  <Override PartName="/ppt/slides/slide10.xml" ContentType="application/vnd.openxmlformats-officedocument.presentationml.slide+xml"/>
  <Override PartName="/ppt/slides/slide21.xml" ContentType="application/vnd.openxmlformats-officedocument.presentationml.slide+xml"/>
  <Override PartName="/ppt/tableStyles.xml" ContentType="application/vnd.openxmlformats-officedocument.presentationml.tableStyles+xml"/>
  <Override PartName="/docProps/custom.xml" ContentType="application/vnd.openxmlformats-officedocument.custom-properties+xml"/>
  <Override PartName="/ppt/notesSlides/notesSlide7.xml" ContentType="application/vnd.openxmlformats-officedocument.presentationml.notesSlide+xml"/>
  <Override PartName="/ppt/changesInfos/changesInfo1.xml" ContentType="application/vnd.ms-powerpoint.changesinfo+xml"/>
  <Override PartName="/ppt/slides/slide9.xml" ContentType="application/vnd.openxmlformats-officedocument.presentationml.slide+xml"/>
  <Override PartName="/ppt/slides/slide59.xml" ContentType="application/vnd.openxmlformats-officedocument.presentationml.slide+xml"/>
  <Override PartName="/ppt/slides/slide77.xml" ContentType="application/vnd.openxmlformats-officedocument.presentationml.slide+xml"/>
  <Override PartName="/ppt/slides/slide88.xml" ContentType="application/vnd.openxmlformats-officedocument.presentationml.slide+xml"/>
  <Override PartName="/ppt/viewProps.xml" ContentType="application/vnd.openxmlformats-officedocument.presentationml.viewProps+xml"/>
  <Override PartName="/customXml/itemProps2.xml" ContentType="application/vnd.openxmlformats-officedocument.customXmlProperties+xml"/>
  <Override PartName="/ppt/slides/slide5.xml" ContentType="application/vnd.openxmlformats-officedocument.presentationml.slide+xml"/>
  <Override PartName="/ppt/slides/slide19.xml" ContentType="application/vnd.openxmlformats-officedocument.presentationml.slide+xml"/>
  <Override PartName="/ppt/slides/slide48.xml" ContentType="application/vnd.openxmlformats-officedocument.presentationml.slide+xml"/>
  <Override PartName="/ppt/slides/slide66.xml" ContentType="application/vnd.openxmlformats-officedocument.presentationml.slide+xml"/>
  <Override PartName="/ppt/slideLayouts/slideLayout7.xml" ContentType="application/vnd.openxmlformats-officedocument.presentationml.slideLayout+xml"/>
  <Default Extension="png" ContentType="image/png"/>
  <Override PartName="/ppt/notesSlides/notesSlide3.xml" ContentType="application/vnd.openxmlformats-officedocument.presentationml.notesSlide+xml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slides/slide26.xml" ContentType="application/vnd.openxmlformats-officedocument.presentationml.slide+xml"/>
  <Override PartName="/ppt/slides/slide37.xml" ContentType="application/vnd.openxmlformats-officedocument.presentationml.slide+xml"/>
  <Override PartName="/ppt/slides/slide46.xml" ContentType="application/vnd.openxmlformats-officedocument.presentationml.slide+xml"/>
  <Override PartName="/ppt/slides/slide55.xml" ContentType="application/vnd.openxmlformats-officedocument.presentationml.slide+xml"/>
  <Override PartName="/ppt/slides/slide64.xml" ContentType="application/vnd.openxmlformats-officedocument.presentationml.slide+xml"/>
  <Override PartName="/ppt/slides/slide73.xml" ContentType="application/vnd.openxmlformats-officedocument.presentationml.slide+xml"/>
  <Override PartName="/ppt/slides/slide84.xml" ContentType="application/vnd.openxmlformats-officedocument.presentationml.slide+xml"/>
  <Override PartName="/ppt/slides/slide93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tags/tag5.xml" ContentType="application/vnd.openxmlformats-officedocument.presentationml.tags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24.xml" ContentType="application/vnd.openxmlformats-officedocument.presentationml.slide+xml"/>
  <Override PartName="/ppt/slides/slide33.xml" ContentType="application/vnd.openxmlformats-officedocument.presentationml.slide+xml"/>
  <Override PartName="/ppt/slides/slide35.xml" ContentType="application/vnd.openxmlformats-officedocument.presentationml.slide+xml"/>
  <Override PartName="/ppt/slides/slide44.xml" ContentType="application/vnd.openxmlformats-officedocument.presentationml.slide+xml"/>
  <Override PartName="/ppt/slides/slide53.xml" ContentType="application/vnd.openxmlformats-officedocument.presentationml.slide+xml"/>
  <Override PartName="/ppt/slides/slide62.xml" ContentType="application/vnd.openxmlformats-officedocument.presentationml.slide+xml"/>
  <Override PartName="/ppt/slides/slide71.xml" ContentType="application/vnd.openxmlformats-officedocument.presentationml.slide+xml"/>
  <Override PartName="/ppt/slides/slide80.xml" ContentType="application/vnd.openxmlformats-officedocument.presentationml.slide+xml"/>
  <Override PartName="/ppt/slides/slide82.xml" ContentType="application/vnd.openxmlformats-officedocument.presentationml.slide+xml"/>
  <Override PartName="/ppt/slides/slide91.xml" ContentType="application/vnd.openxmlformats-officedocument.presentationml.slide+xml"/>
  <Override PartName="/ppt/slideLayouts/slideLayout3.xml" ContentType="application/vnd.openxmlformats-officedocument.presentationml.slideLayout+xml"/>
  <Override PartName="/ppt/tags/tag3.xml" ContentType="application/vnd.openxmlformats-officedocument.presentationml.tags+xml"/>
  <Default Extension="jpeg" ContentType="image/jpeg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22.xml" ContentType="application/vnd.openxmlformats-officedocument.presentationml.slide+xml"/>
  <Override PartName="/ppt/slides/slide31.xml" ContentType="application/vnd.openxmlformats-officedocument.presentationml.slide+xml"/>
  <Override PartName="/ppt/slides/slide42.xml" ContentType="application/vnd.openxmlformats-officedocument.presentationml.slide+xml"/>
  <Override PartName="/ppt/slides/slide51.xml" ContentType="application/vnd.openxmlformats-officedocument.presentationml.slide+xml"/>
  <Override PartName="/ppt/slides/slide60.xml" ContentType="application/vnd.openxmlformats-officedocument.presentationml.slide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ppt/slideLayouts/slideLayout14.xml" ContentType="application/vnd.openxmlformats-officedocument.presentationml.slideLayout+xml"/>
  <Override PartName="/docProps/app.xml" ContentType="application/vnd.openxmlformats-officedocument.extended-properties+xml"/>
  <Override PartName="/ppt/slides/slide11.xml" ContentType="application/vnd.openxmlformats-officedocument.presentationml.slide+xml"/>
  <Override PartName="/ppt/slides/slide20.xml" ContentType="application/vnd.openxmlformats-officedocument.presentationml.slide+xml"/>
  <Override PartName="/ppt/slides/slide40.xml" ContentType="application/vnd.openxmlformats-officedocument.presentationml.slide+xml"/>
  <Override PartName="/ppt/slideLayouts/slideLayout12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s/slide89.xml" ContentType="application/vnd.openxmlformats-officedocument.presentationml.slide+xml"/>
  <Override PartName="/ppt/notesSlides/notesSlide6.xml" ContentType="application/vnd.openxmlformats-officedocument.presentationml.notesSlide+xml"/>
  <Override PartName="/ppt/slides/slide8.xml" ContentType="application/vnd.openxmlformats-officedocument.presentationml.slide+xml"/>
  <Override PartName="/ppt/slides/slide49.xml" ContentType="application/vnd.openxmlformats-officedocument.presentationml.slide+xml"/>
  <Override PartName="/ppt/slides/slide69.xml" ContentType="application/vnd.openxmlformats-officedocument.presentationml.slide+xml"/>
  <Override PartName="/ppt/slides/slide78.xml" ContentType="application/vnd.openxmlformats-officedocument.presentationml.slide+xml"/>
  <Override PartName="/ppt/slides/slide87.xml" ContentType="application/vnd.openxmlformats-officedocument.presentationml.slid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customXml/itemProps3.xml" ContentType="application/vnd.openxmlformats-officedocument.customXmlProperties+xml"/>
  <Override PartName="/ppt/slides/slide6.xml" ContentType="application/vnd.openxmlformats-officedocument.presentationml.slide+xml"/>
  <Override PartName="/ppt/slides/slide38.xml" ContentType="application/vnd.openxmlformats-officedocument.presentationml.slide+xml"/>
  <Override PartName="/ppt/slides/slide56.xml" ContentType="application/vnd.openxmlformats-officedocument.presentationml.slide+xml"/>
  <Override PartName="/ppt/slides/slide67.xml" ContentType="application/vnd.openxmlformats-officedocument.presentationml.slide+xml"/>
  <Override PartName="/ppt/slides/slide85.xml" ContentType="application/vnd.openxmlformats-officedocument.presentationml.slide+xml"/>
  <Override PartName="/ppt/slideLayouts/slideLayout8.xml" ContentType="application/vnd.openxmlformats-officedocument.presentationml.slideLayout+xml"/>
  <Override PartName="/ppt/tags/tag6.xml" ContentType="application/vnd.openxmlformats-officedocument.presentationml.tags+xml"/>
  <Default Extension="svg" ContentType="image/svg+xml"/>
  <Override PartName="/ppt/slideMasters/slideMaster1.xml" ContentType="application/vnd.openxmlformats-officedocument.presentationml.slideMaster+xml"/>
  <Override PartName="/ppt/slides/slide27.xml" ContentType="application/vnd.openxmlformats-officedocument.presentationml.slide+xml"/>
  <Override PartName="/ppt/slides/slide45.xml" ContentType="application/vnd.openxmlformats-officedocument.presentationml.slide+xml"/>
  <Override PartName="/ppt/slides/slide74.xml" ContentType="application/vnd.openxmlformats-officedocument.presentationml.slide+xml"/>
  <Override PartName="/ppt/slides/slide92.xml" ContentType="application/vnd.openxmlformats-officedocument.presentationml.slide+xml"/>
  <Override PartName="/ppt/slideLayouts/slideLayout4.xml" ContentType="application/vnd.openxmlformats-officedocument.presentationml.slideLayout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slides/slide34.xml" ContentType="application/vnd.openxmlformats-officedocument.presentationml.slide+xml"/>
  <Override PartName="/ppt/slides/slide52.xml" ContentType="application/vnd.openxmlformats-officedocument.presentationml.slide+xml"/>
  <Override PartName="/ppt/slides/slide63.xml" ContentType="application/vnd.openxmlformats-officedocument.presentationml.slide+xml"/>
  <Override PartName="/ppt/slides/slide81.xml" ContentType="application/vnd.openxmlformats-officedocument.presentationml.slide+xml"/>
  <Override PartName="/ppt/slideLayouts/slideLayout15.xml" ContentType="application/vnd.openxmlformats-officedocument.presentationml.slideLayout+xml"/>
  <Override PartName="/ppt/tags/tag2.xml" ContentType="application/vnd.openxmlformats-officedocument.presentationml.tags+xml"/>
  <Default Extension="wmf" ContentType="image/x-wmf"/>
  <Default Extension="rels" ContentType="application/vnd.openxmlformats-package.relationships+xml"/>
  <Override PartName="/ppt/slides/slide23.xml" ContentType="application/vnd.openxmlformats-officedocument.presentationml.slide+xml"/>
  <Override PartName="/ppt/slides/slide41.xml" ContentType="application/vnd.openxmlformats-officedocument.presentationml.slide+xml"/>
  <Override PartName="/ppt/slides/slide70.xml" ContentType="application/vnd.openxmlformats-officedocument.presentationml.slide+xml"/>
  <Override PartName="/ppt/slides/slide12.xml" ContentType="application/vnd.openxmlformats-officedocument.presentationml.slide+xml"/>
  <Override PartName="/ppt/slides/slide30.xml" ContentType="application/vnd.openxmlformats-officedocument.presentationml.slide+xml"/>
  <Override PartName="/ppt/slideLayouts/slideLayout11.xml" ContentType="application/vnd.openxmlformats-officedocument.presentationml.slideLayout+xml"/>
  <Override PartName="/ppt/commentAuthors.xml" ContentType="application/vnd.openxmlformats-officedocument.presentationml.commentAuthors+xml"/>
  <Override PartName="/ppt/slides/slide79.xml" ContentType="application/vnd.openxmlformats-officedocument.presentationml.slide+xml"/>
  <Override PartName="/ppt/slides/slide7.xml" ContentType="application/vnd.openxmlformats-officedocument.presentationml.slide+xml"/>
  <Override PartName="/ppt/slides/slide68.xml" ContentType="application/vnd.openxmlformats-officedocument.presentationml.slide+xml"/>
  <Override PartName="/ppt/slideLayouts/slideLayout9.xml" ContentType="application/vnd.openxmlformats-officedocument.presentationml.slideLayout+xml"/>
  <Override PartName="/ppt/notesSlides/notesSlide5.xml" ContentType="application/vnd.openxmlformats-officedocument.presentationml.notesSlide+xml"/>
  <Override PartName="/ppt/slides/slide28.xml" ContentType="application/vnd.openxmlformats-officedocument.presentationml.slide+xml"/>
  <Override PartName="/ppt/slides/slide39.xml" ContentType="application/vnd.openxmlformats-officedocument.presentationml.slide+xml"/>
  <Override PartName="/ppt/slides/slide57.xml" ContentType="application/vnd.openxmlformats-officedocument.presentationml.slide+xml"/>
  <Override PartName="/ppt/slides/slide75.xml" ContentType="application/vnd.openxmlformats-officedocument.presentationml.slide+xml"/>
  <Override PartName="/ppt/slides/slide86.xml" ContentType="application/vnd.openxmlformats-officedocument.presentationml.slide+xml"/>
  <Override PartName="/ppt/notesSlides/notesSlide1.xml" ContentType="application/vnd.openxmlformats-officedocument.presentationml.notesSlide+xml"/>
  <Override PartName="/ppt/tags/tag7.xml" ContentType="application/vnd.openxmlformats-officedocument.presentationml.tag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4"/>
  </p:sldMasterIdLst>
  <p:notesMasterIdLst>
    <p:notesMasterId r:id="rId98"/>
  </p:notesMasterIdLst>
  <p:sldIdLst>
    <p:sldId id="4945" r:id="rId5"/>
    <p:sldId id="4946" r:id="rId6"/>
    <p:sldId id="4663" r:id="rId7"/>
    <p:sldId id="4858" r:id="rId8"/>
    <p:sldId id="4859" r:id="rId9"/>
    <p:sldId id="4860" r:id="rId10"/>
    <p:sldId id="4862" r:id="rId11"/>
    <p:sldId id="4863" r:id="rId12"/>
    <p:sldId id="4864" r:id="rId13"/>
    <p:sldId id="4865" r:id="rId14"/>
    <p:sldId id="4866" r:id="rId15"/>
    <p:sldId id="4867" r:id="rId16"/>
    <p:sldId id="4868" r:id="rId17"/>
    <p:sldId id="4869" r:id="rId18"/>
    <p:sldId id="4870" r:id="rId19"/>
    <p:sldId id="4871" r:id="rId20"/>
    <p:sldId id="4872" r:id="rId21"/>
    <p:sldId id="4873" r:id="rId22"/>
    <p:sldId id="4874" r:id="rId23"/>
    <p:sldId id="4875" r:id="rId24"/>
    <p:sldId id="4876" r:id="rId25"/>
    <p:sldId id="4877" r:id="rId26"/>
    <p:sldId id="4878" r:id="rId27"/>
    <p:sldId id="4879" r:id="rId28"/>
    <p:sldId id="4880" r:id="rId29"/>
    <p:sldId id="4881" r:id="rId30"/>
    <p:sldId id="4882" r:id="rId31"/>
    <p:sldId id="4883" r:id="rId32"/>
    <p:sldId id="4884" r:id="rId33"/>
    <p:sldId id="4885" r:id="rId34"/>
    <p:sldId id="4886" r:id="rId35"/>
    <p:sldId id="4887" r:id="rId36"/>
    <p:sldId id="4888" r:id="rId37"/>
    <p:sldId id="4890" r:id="rId38"/>
    <p:sldId id="4891" r:id="rId39"/>
    <p:sldId id="4892" r:id="rId40"/>
    <p:sldId id="4893" r:id="rId41"/>
    <p:sldId id="4894" r:id="rId42"/>
    <p:sldId id="4895" r:id="rId43"/>
    <p:sldId id="4896" r:id="rId44"/>
    <p:sldId id="4897" r:id="rId45"/>
    <p:sldId id="4898" r:id="rId46"/>
    <p:sldId id="4902" r:id="rId47"/>
    <p:sldId id="4903" r:id="rId48"/>
    <p:sldId id="4905" r:id="rId49"/>
    <p:sldId id="4908" r:id="rId50"/>
    <p:sldId id="4909" r:id="rId51"/>
    <p:sldId id="4910" r:id="rId52"/>
    <p:sldId id="4911" r:id="rId53"/>
    <p:sldId id="4912" r:id="rId54"/>
    <p:sldId id="4913" r:id="rId55"/>
    <p:sldId id="4914" r:id="rId56"/>
    <p:sldId id="4915" r:id="rId57"/>
    <p:sldId id="4916" r:id="rId58"/>
    <p:sldId id="4917" r:id="rId59"/>
    <p:sldId id="4918" r:id="rId60"/>
    <p:sldId id="4919" r:id="rId61"/>
    <p:sldId id="4920" r:id="rId62"/>
    <p:sldId id="4921" r:id="rId63"/>
    <p:sldId id="4922" r:id="rId64"/>
    <p:sldId id="4923" r:id="rId65"/>
    <p:sldId id="4924" r:id="rId66"/>
    <p:sldId id="4925" r:id="rId67"/>
    <p:sldId id="4926" r:id="rId68"/>
    <p:sldId id="4927" r:id="rId69"/>
    <p:sldId id="4928" r:id="rId70"/>
    <p:sldId id="4929" r:id="rId71"/>
    <p:sldId id="4930" r:id="rId72"/>
    <p:sldId id="4931" r:id="rId73"/>
    <p:sldId id="4932" r:id="rId74"/>
    <p:sldId id="4933" r:id="rId75"/>
    <p:sldId id="4934" r:id="rId76"/>
    <p:sldId id="4935" r:id="rId77"/>
    <p:sldId id="4936" r:id="rId78"/>
    <p:sldId id="4937" r:id="rId79"/>
    <p:sldId id="4938" r:id="rId80"/>
    <p:sldId id="4939" r:id="rId81"/>
    <p:sldId id="4940" r:id="rId82"/>
    <p:sldId id="4941" r:id="rId83"/>
    <p:sldId id="4942" r:id="rId84"/>
    <p:sldId id="4943" r:id="rId85"/>
    <p:sldId id="4944" r:id="rId86"/>
    <p:sldId id="4948" r:id="rId87"/>
    <p:sldId id="4949" r:id="rId88"/>
    <p:sldId id="4950" r:id="rId89"/>
    <p:sldId id="4953" r:id="rId90"/>
    <p:sldId id="4954" r:id="rId91"/>
    <p:sldId id="4956" r:id="rId92"/>
    <p:sldId id="4957" r:id="rId93"/>
    <p:sldId id="4958" r:id="rId94"/>
    <p:sldId id="4592" r:id="rId95"/>
    <p:sldId id="4619" r:id="rId96"/>
    <p:sldId id="4596" r:id="rId97"/>
  </p:sldIdLst>
  <p:sldSz cx="12192000" cy="6858000"/>
  <p:notesSz cx="6858000" cy="9144000"/>
  <p:custDataLst>
    <p:tags r:id="rId99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="" xmlns:p15="http://schemas.microsoft.com/office/powerpoint/2012/main">
        <p15:guide id="1" orient="horz" pos="2262">
          <p15:clr>
            <a:srgbClr val="A4A3A4"/>
          </p15:clr>
        </p15:guide>
        <p15:guide id="2" pos="3817" userDrawn="1">
          <p15:clr>
            <a:srgbClr val="A4A3A4"/>
          </p15:clr>
        </p15:guide>
      </p15:sld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Gaurav Kumar" initials="GK" lastIdx="1" clrIdx="0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="" xmlns:p14="http://schemas.microsoft.com/office/powerpoint/2010/main">
          <a:srgbClr val="FF0000"/>
        </p14:laserClr>
      </p:ext>
      <p:ext uri="{2FDB2607-1784-4EEB-B798-7EB5836EED8A}">
        <p14:showMediaCtrls xmlns="" xmlns:p14="http://schemas.microsoft.com/office/powerpoint/2010/main" val="1"/>
      </p:ext>
    </p:extLst>
  </p:showPr>
  <p:clrMru>
    <a:srgbClr val="FDBA2F"/>
  </p:clrMru>
  <p:extLst>
    <p:ext uri="{E76CE94A-603C-4142-B9EB-6D1370010A27}">
      <p14:discardImageEditData xmlns="" xmlns:p14="http://schemas.microsoft.com/office/powerpoint/2010/main" val="0"/>
    </p:ext>
    <p:ext uri="{D31A062A-798A-4329-ABDD-BBA856620510}">
      <p14:defaultImageDpi xmlns="" xmlns:p14="http://schemas.microsoft.com/office/powerpoint/2010/main" val="220"/>
    </p:ext>
    <p:ext uri="{FD5EFAAD-0ECE-453E-9831-46B23BE46B34}">
      <p15:chartTrackingRefBased xmlns=""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showOutlineIcons="0">
    <p:restoredLeft sz="15609"/>
    <p:restoredTop sz="85379" autoAdjust="0"/>
  </p:normalViewPr>
  <p:slideViewPr>
    <p:cSldViewPr snapToGrid="0" showGuides="1">
      <p:cViewPr varScale="1">
        <p:scale>
          <a:sx n="58" d="100"/>
          <a:sy n="58" d="100"/>
        </p:scale>
        <p:origin x="-1074" y="-84"/>
      </p:cViewPr>
      <p:guideLst>
        <p:guide orient="horz" pos="2262"/>
        <p:guide pos="3817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8028800" cy="78028800"/>
</p:viewPr>
</file>

<file path=ppt/_rels/presentation.xml.rels><?xml version="1.0" encoding="UTF-8" standalone="yes"?>
<Relationships xmlns="http://schemas.openxmlformats.org/package/2006/relationships"><Relationship Id="rId26" Type="http://schemas.openxmlformats.org/officeDocument/2006/relationships/slide" Target="slides/slide22.xml"/><Relationship Id="rId21" Type="http://schemas.openxmlformats.org/officeDocument/2006/relationships/slide" Target="slides/slide17.xml"/><Relationship Id="rId42" Type="http://schemas.openxmlformats.org/officeDocument/2006/relationships/slide" Target="slides/slide38.xml"/><Relationship Id="rId47" Type="http://schemas.openxmlformats.org/officeDocument/2006/relationships/slide" Target="slides/slide43.xml"/><Relationship Id="rId63" Type="http://schemas.openxmlformats.org/officeDocument/2006/relationships/slide" Target="slides/slide59.xml"/><Relationship Id="rId68" Type="http://schemas.openxmlformats.org/officeDocument/2006/relationships/slide" Target="slides/slide64.xml"/><Relationship Id="rId84" Type="http://schemas.openxmlformats.org/officeDocument/2006/relationships/slide" Target="slides/slide80.xml"/><Relationship Id="rId89" Type="http://schemas.openxmlformats.org/officeDocument/2006/relationships/slide" Target="slides/slide85.xml"/><Relationship Id="rId7" Type="http://schemas.openxmlformats.org/officeDocument/2006/relationships/slide" Target="slides/slide3.xml"/><Relationship Id="rId71" Type="http://schemas.openxmlformats.org/officeDocument/2006/relationships/slide" Target="slides/slide67.xml"/><Relationship Id="rId92" Type="http://schemas.openxmlformats.org/officeDocument/2006/relationships/slide" Target="slides/slide88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9" Type="http://schemas.openxmlformats.org/officeDocument/2006/relationships/slide" Target="slides/slide25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slide" Target="slides/slide28.xml"/><Relationship Id="rId37" Type="http://schemas.openxmlformats.org/officeDocument/2006/relationships/slide" Target="slides/slide33.xml"/><Relationship Id="rId40" Type="http://schemas.openxmlformats.org/officeDocument/2006/relationships/slide" Target="slides/slide36.xml"/><Relationship Id="rId45" Type="http://schemas.openxmlformats.org/officeDocument/2006/relationships/slide" Target="slides/slide41.xml"/><Relationship Id="rId53" Type="http://schemas.openxmlformats.org/officeDocument/2006/relationships/slide" Target="slides/slide49.xml"/><Relationship Id="rId58" Type="http://schemas.openxmlformats.org/officeDocument/2006/relationships/slide" Target="slides/slide54.xml"/><Relationship Id="rId66" Type="http://schemas.openxmlformats.org/officeDocument/2006/relationships/slide" Target="slides/slide62.xml"/><Relationship Id="rId74" Type="http://schemas.openxmlformats.org/officeDocument/2006/relationships/slide" Target="slides/slide70.xml"/><Relationship Id="rId79" Type="http://schemas.openxmlformats.org/officeDocument/2006/relationships/slide" Target="slides/slide75.xml"/><Relationship Id="rId87" Type="http://schemas.openxmlformats.org/officeDocument/2006/relationships/slide" Target="slides/slide83.xml"/><Relationship Id="rId102" Type="http://schemas.openxmlformats.org/officeDocument/2006/relationships/viewProps" Target="viewProps.xml"/><Relationship Id="rId5" Type="http://schemas.openxmlformats.org/officeDocument/2006/relationships/slide" Target="slides/slide1.xml"/><Relationship Id="rId61" Type="http://schemas.openxmlformats.org/officeDocument/2006/relationships/slide" Target="slides/slide57.xml"/><Relationship Id="rId82" Type="http://schemas.openxmlformats.org/officeDocument/2006/relationships/slide" Target="slides/slide78.xml"/><Relationship Id="rId90" Type="http://schemas.openxmlformats.org/officeDocument/2006/relationships/slide" Target="slides/slide86.xml"/><Relationship Id="rId95" Type="http://schemas.openxmlformats.org/officeDocument/2006/relationships/slide" Target="slides/slide91.xml"/><Relationship Id="rId19" Type="http://schemas.openxmlformats.org/officeDocument/2006/relationships/slide" Target="slides/slide1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slide" Target="slides/slide31.xml"/><Relationship Id="rId43" Type="http://schemas.openxmlformats.org/officeDocument/2006/relationships/slide" Target="slides/slide39.xml"/><Relationship Id="rId48" Type="http://schemas.openxmlformats.org/officeDocument/2006/relationships/slide" Target="slides/slide44.xml"/><Relationship Id="rId56" Type="http://schemas.openxmlformats.org/officeDocument/2006/relationships/slide" Target="slides/slide52.xml"/><Relationship Id="rId64" Type="http://schemas.openxmlformats.org/officeDocument/2006/relationships/slide" Target="slides/slide60.xml"/><Relationship Id="rId69" Type="http://schemas.openxmlformats.org/officeDocument/2006/relationships/slide" Target="slides/slide65.xml"/><Relationship Id="rId77" Type="http://schemas.openxmlformats.org/officeDocument/2006/relationships/slide" Target="slides/slide73.xml"/><Relationship Id="rId100" Type="http://schemas.openxmlformats.org/officeDocument/2006/relationships/commentAuthors" Target="commentAuthors.xml"/><Relationship Id="rId105" Type="http://schemas.microsoft.com/office/2016/11/relationships/changesInfo" Target="changesInfos/changesInfo1.xml"/><Relationship Id="rId8" Type="http://schemas.openxmlformats.org/officeDocument/2006/relationships/slide" Target="slides/slide4.xml"/><Relationship Id="rId51" Type="http://schemas.openxmlformats.org/officeDocument/2006/relationships/slide" Target="slides/slide47.xml"/><Relationship Id="rId72" Type="http://schemas.openxmlformats.org/officeDocument/2006/relationships/slide" Target="slides/slide68.xml"/><Relationship Id="rId80" Type="http://schemas.openxmlformats.org/officeDocument/2006/relationships/slide" Target="slides/slide76.xml"/><Relationship Id="rId85" Type="http://schemas.openxmlformats.org/officeDocument/2006/relationships/slide" Target="slides/slide81.xml"/><Relationship Id="rId93" Type="http://schemas.openxmlformats.org/officeDocument/2006/relationships/slide" Target="slides/slide89.xml"/><Relationship Id="rId98" Type="http://schemas.openxmlformats.org/officeDocument/2006/relationships/notesMaster" Target="notesMasters/notesMaster1.xml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slide" Target="slides/slide34.xml"/><Relationship Id="rId46" Type="http://schemas.openxmlformats.org/officeDocument/2006/relationships/slide" Target="slides/slide42.xml"/><Relationship Id="rId59" Type="http://schemas.openxmlformats.org/officeDocument/2006/relationships/slide" Target="slides/slide55.xml"/><Relationship Id="rId67" Type="http://schemas.openxmlformats.org/officeDocument/2006/relationships/slide" Target="slides/slide63.xml"/><Relationship Id="rId103" Type="http://schemas.openxmlformats.org/officeDocument/2006/relationships/theme" Target="theme/theme1.xml"/><Relationship Id="rId20" Type="http://schemas.openxmlformats.org/officeDocument/2006/relationships/slide" Target="slides/slide16.xml"/><Relationship Id="rId41" Type="http://schemas.openxmlformats.org/officeDocument/2006/relationships/slide" Target="slides/slide37.xml"/><Relationship Id="rId54" Type="http://schemas.openxmlformats.org/officeDocument/2006/relationships/slide" Target="slides/slide50.xml"/><Relationship Id="rId62" Type="http://schemas.openxmlformats.org/officeDocument/2006/relationships/slide" Target="slides/slide58.xml"/><Relationship Id="rId70" Type="http://schemas.openxmlformats.org/officeDocument/2006/relationships/slide" Target="slides/slide66.xml"/><Relationship Id="rId75" Type="http://schemas.openxmlformats.org/officeDocument/2006/relationships/slide" Target="slides/slide71.xml"/><Relationship Id="rId83" Type="http://schemas.openxmlformats.org/officeDocument/2006/relationships/slide" Target="slides/slide79.xml"/><Relationship Id="rId88" Type="http://schemas.openxmlformats.org/officeDocument/2006/relationships/slide" Target="slides/slide84.xml"/><Relationship Id="rId91" Type="http://schemas.openxmlformats.org/officeDocument/2006/relationships/slide" Target="slides/slide87.xml"/><Relationship Id="rId96" Type="http://schemas.openxmlformats.org/officeDocument/2006/relationships/slide" Target="slides/slide92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slide" Target="slides/slide32.xml"/><Relationship Id="rId49" Type="http://schemas.openxmlformats.org/officeDocument/2006/relationships/slide" Target="slides/slide45.xml"/><Relationship Id="rId57" Type="http://schemas.openxmlformats.org/officeDocument/2006/relationships/slide" Target="slides/slide53.xml"/><Relationship Id="rId10" Type="http://schemas.openxmlformats.org/officeDocument/2006/relationships/slide" Target="slides/slide6.xml"/><Relationship Id="rId31" Type="http://schemas.openxmlformats.org/officeDocument/2006/relationships/slide" Target="slides/slide27.xml"/><Relationship Id="rId44" Type="http://schemas.openxmlformats.org/officeDocument/2006/relationships/slide" Target="slides/slide40.xml"/><Relationship Id="rId52" Type="http://schemas.openxmlformats.org/officeDocument/2006/relationships/slide" Target="slides/slide48.xml"/><Relationship Id="rId60" Type="http://schemas.openxmlformats.org/officeDocument/2006/relationships/slide" Target="slides/slide56.xml"/><Relationship Id="rId65" Type="http://schemas.openxmlformats.org/officeDocument/2006/relationships/slide" Target="slides/slide61.xml"/><Relationship Id="rId73" Type="http://schemas.openxmlformats.org/officeDocument/2006/relationships/slide" Target="slides/slide69.xml"/><Relationship Id="rId78" Type="http://schemas.openxmlformats.org/officeDocument/2006/relationships/slide" Target="slides/slide74.xml"/><Relationship Id="rId81" Type="http://schemas.openxmlformats.org/officeDocument/2006/relationships/slide" Target="slides/slide77.xml"/><Relationship Id="rId86" Type="http://schemas.openxmlformats.org/officeDocument/2006/relationships/slide" Target="slides/slide82.xml"/><Relationship Id="rId94" Type="http://schemas.openxmlformats.org/officeDocument/2006/relationships/slide" Target="slides/slide90.xml"/><Relationship Id="rId99" Type="http://schemas.openxmlformats.org/officeDocument/2006/relationships/tags" Target="tags/tag1.xml"/><Relationship Id="rId101" Type="http://schemas.openxmlformats.org/officeDocument/2006/relationships/presProps" Target="pres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39" Type="http://schemas.openxmlformats.org/officeDocument/2006/relationships/slide" Target="slides/slide35.xml"/><Relationship Id="rId34" Type="http://schemas.openxmlformats.org/officeDocument/2006/relationships/slide" Target="slides/slide30.xml"/><Relationship Id="rId50" Type="http://schemas.openxmlformats.org/officeDocument/2006/relationships/slide" Target="slides/slide46.xml"/><Relationship Id="rId55" Type="http://schemas.openxmlformats.org/officeDocument/2006/relationships/slide" Target="slides/slide51.xml"/><Relationship Id="rId76" Type="http://schemas.openxmlformats.org/officeDocument/2006/relationships/slide" Target="slides/slide72.xml"/><Relationship Id="rId97" Type="http://schemas.openxmlformats.org/officeDocument/2006/relationships/slide" Target="slides/slide93.xml"/><Relationship Id="rId104" Type="http://schemas.openxmlformats.org/officeDocument/2006/relationships/tableStyles" Target="tableStyles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anitha josephine" userId="65aa61ab1d169252" providerId="LiveId" clId="{6C61764D-7495-4642-A87F-06FEC6678FA9}"/>
    <pc:docChg chg="delSld">
      <pc:chgData name="anitha josephine" userId="65aa61ab1d169252" providerId="LiveId" clId="{6C61764D-7495-4642-A87F-06FEC6678FA9}" dt="2023-04-30T03:02:01.381" v="0" actId="2696"/>
      <pc:docMkLst>
        <pc:docMk/>
      </pc:docMkLst>
      <pc:sldChg chg="del">
        <pc:chgData name="anitha josephine" userId="65aa61ab1d169252" providerId="LiveId" clId="{6C61764D-7495-4642-A87F-06FEC6678FA9}" dt="2023-04-30T03:02:01.381" v="0" actId="2696"/>
        <pc:sldMkLst>
          <pc:docMk/>
          <pc:sldMk cId="2124827170" sldId="4812"/>
        </pc:sldMkLst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4380ECD-AD9E-40D8-9C3A-479B789B9738}" type="datetimeFigureOut">
              <a:rPr lang="en-US" smtClean="0"/>
              <a:pPr/>
              <a:t>5/23/2023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06EC5FB-86B7-4C2A-A5BA-3EF1A148F102}" type="slidenum">
              <a:rPr lang="en-US" smtClean="0"/>
              <a:pPr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1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2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1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348480663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2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36341400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3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375785187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4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375785187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91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313895882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92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378467385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N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EC5FB-86B7-4C2A-A5BA-3EF1A148F102}" type="slidenum">
              <a:rPr lang="en-US" smtClean="0"/>
              <a:pPr/>
              <a:t>93</a:t>
            </a:fld>
            <a:endParaRPr lang="en-US"/>
          </a:p>
        </p:txBody>
      </p:sp>
    </p:spTree>
    <p:extLst>
      <p:ext uri="{BB962C8B-B14F-4D97-AF65-F5344CB8AC3E}">
        <p14:creationId xmlns="" xmlns:p14="http://schemas.microsoft.com/office/powerpoint/2010/main" val="24333354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sv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GB"/>
              <a:t>Click to edit Master subtitle style</a:t>
            </a:r>
            <a:endParaRPr lang="en-US"/>
          </a:p>
        </p:txBody>
      </p:sp>
    </p:spTree>
  </p:cSld>
  <p:clrMapOvr>
    <a:masterClrMapping/>
  </p:clrMapOvr>
  <p:extLst>
    <p:ext uri="{DCECCB84-F9BA-43D5-87BE-67443E8EF086}">
      <p15:sldGuideLst xmlns=""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xAndClipArt">
  <p:cSld name="Title, Text and Clip 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609600"/>
            <a:ext cx="10363200" cy="1143000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sz="half" idx="1"/>
          </p:nvPr>
        </p:nvSpPr>
        <p:spPr>
          <a:xfrm>
            <a:off x="914400" y="1981200"/>
            <a:ext cx="5080000" cy="4114800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lipArt Placeholder 3"/>
          <p:cNvSpPr>
            <a:spLocks noGrp="1"/>
          </p:cNvSpPr>
          <p:nvPr>
            <p:ph type="clipArt" sz="half" idx="2"/>
          </p:nvPr>
        </p:nvSpPr>
        <p:spPr>
          <a:xfrm>
            <a:off x="6197600" y="1981200"/>
            <a:ext cx="5080000" cy="4114800"/>
          </a:xfrm>
        </p:spPr>
        <p:txBody>
          <a:bodyPr/>
          <a:lstStyle/>
          <a:p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914400" y="6248400"/>
            <a:ext cx="2540000" cy="4572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r>
              <a:rPr lang="en-US"/>
              <a:t>ELEC 6200, Fall 07, Oct 29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165600" y="6248400"/>
            <a:ext cx="3860800" cy="4572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r>
              <a:rPr lang="en-US"/>
              <a:t>McPherson: Vector Processors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8737600" y="6248400"/>
            <a:ext cx="2540000" cy="457200"/>
          </a:xfrm>
          <a:prstGeom prst="rect">
            <a:avLst/>
          </a:prstGeom>
        </p:spPr>
        <p:txBody>
          <a:bodyPr/>
          <a:lstStyle>
            <a:lvl1pPr>
              <a:defRPr/>
            </a:lvl1pPr>
          </a:lstStyle>
          <a:p>
            <a:fld id="{0EBF58E9-9CBB-40BD-82AC-5E899BC459AB}" type="slidenum">
              <a:rPr lang="en-US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Slide Number Placeholder 2"/>
          <p:cNvSpPr>
            <a:spLocks noGrp="1"/>
          </p:cNvSpPr>
          <p:nvPr>
            <p:ph type="sldNum" sz="quarter" idx="10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 userDrawn="1"/>
        </p:nvSpPr>
        <p:spPr>
          <a:xfrm flipV="1">
            <a:off x="-22302" y="-66908"/>
            <a:ext cx="3856893" cy="6947210"/>
          </a:xfrm>
          <a:prstGeom prst="rect">
            <a:avLst/>
          </a:prstGeom>
          <a:solidFill>
            <a:srgbClr val="FDBA2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/>
              <a:t>X	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534544" y="550863"/>
            <a:ext cx="2743200" cy="1325563"/>
          </a:xfrm>
        </p:spPr>
        <p:txBody>
          <a:bodyPr/>
          <a:lstStyle/>
          <a:p>
            <a:r>
              <a:rPr lang="en-GB" dirty="0"/>
              <a:t>Module 01</a:t>
            </a:r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  <p:sp>
        <p:nvSpPr>
          <p:cNvPr id="5" name="Oval 4"/>
          <p:cNvSpPr/>
          <p:nvPr userDrawn="1"/>
        </p:nvSpPr>
        <p:spPr>
          <a:xfrm>
            <a:off x="4708175" y="2637991"/>
            <a:ext cx="1532708" cy="1480455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 sz="1200">
                <a:latin typeface="Metropolis" panose="00000500000000000000" pitchFamily="50" charset="0"/>
              </a:rPr>
              <a:t>Display Account User Profile Info</a:t>
            </a:r>
          </a:p>
        </p:txBody>
      </p:sp>
      <p:sp>
        <p:nvSpPr>
          <p:cNvPr id="6" name="Oval 5"/>
          <p:cNvSpPr/>
          <p:nvPr userDrawn="1"/>
        </p:nvSpPr>
        <p:spPr>
          <a:xfrm>
            <a:off x="4708175" y="4408001"/>
            <a:ext cx="1532708" cy="1480455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 sz="1200">
                <a:latin typeface="Metropolis" panose="00000500000000000000" pitchFamily="50" charset="0"/>
              </a:rPr>
              <a:t>Validate Update User Info</a:t>
            </a:r>
          </a:p>
        </p:txBody>
      </p:sp>
      <p:cxnSp>
        <p:nvCxnSpPr>
          <p:cNvPr id="7" name="Connector: Elbow 8"/>
          <p:cNvCxnSpPr/>
          <p:nvPr userDrawn="1"/>
        </p:nvCxnSpPr>
        <p:spPr>
          <a:xfrm>
            <a:off x="800311" y="1949469"/>
            <a:ext cx="4678945" cy="610453"/>
          </a:xfrm>
          <a:prstGeom prst="bentConnector3">
            <a:avLst>
              <a:gd name="adj1" fmla="val 99881"/>
            </a:avLst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Connector: Elbow 22"/>
          <p:cNvCxnSpPr>
            <a:endCxn id="6" idx="2"/>
          </p:cNvCxnSpPr>
          <p:nvPr userDrawn="1"/>
        </p:nvCxnSpPr>
        <p:spPr>
          <a:xfrm>
            <a:off x="800311" y="2476688"/>
            <a:ext cx="3907864" cy="2671541"/>
          </a:xfrm>
          <a:prstGeom prst="bentConnector3">
            <a:avLst>
              <a:gd name="adj1" fmla="val 3908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Arrow Connector 8"/>
          <p:cNvCxnSpPr/>
          <p:nvPr userDrawn="1"/>
        </p:nvCxnSpPr>
        <p:spPr>
          <a:xfrm flipH="1">
            <a:off x="6571360" y="3378218"/>
            <a:ext cx="3248297" cy="0"/>
          </a:xfrm>
          <a:prstGeom prst="straightConnector1">
            <a:avLst/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Arrow Connector 9"/>
          <p:cNvCxnSpPr/>
          <p:nvPr userDrawn="1"/>
        </p:nvCxnSpPr>
        <p:spPr>
          <a:xfrm flipH="1">
            <a:off x="6571360" y="5228789"/>
            <a:ext cx="3248297" cy="0"/>
          </a:xfrm>
          <a:prstGeom prst="straightConnector1">
            <a:avLst/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10"/>
          <p:cNvSpPr/>
          <p:nvPr userDrawn="1"/>
        </p:nvSpPr>
        <p:spPr>
          <a:xfrm>
            <a:off x="732672" y="2610799"/>
            <a:ext cx="1455467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Administrator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2" name="Rectangle 11"/>
          <p:cNvSpPr/>
          <p:nvPr userDrawn="1"/>
        </p:nvSpPr>
        <p:spPr>
          <a:xfrm>
            <a:off x="2226365" y="5252986"/>
            <a:ext cx="2336659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Enter/Update/ Delet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3" name="Rectangle 12"/>
          <p:cNvSpPr/>
          <p:nvPr userDrawn="1"/>
        </p:nvSpPr>
        <p:spPr>
          <a:xfrm>
            <a:off x="7064199" y="2905919"/>
            <a:ext cx="2194113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Retriev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4" name="Rectangle 13"/>
          <p:cNvSpPr/>
          <p:nvPr userDrawn="1"/>
        </p:nvSpPr>
        <p:spPr>
          <a:xfrm>
            <a:off x="699420" y="1567412"/>
            <a:ext cx="1675437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Access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5" name="Rectangle 14"/>
          <p:cNvSpPr/>
          <p:nvPr userDrawn="1"/>
        </p:nvSpPr>
        <p:spPr>
          <a:xfrm>
            <a:off x="6917570" y="5360701"/>
            <a:ext cx="2487370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Update/Delet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6" name="Rectangle 15"/>
          <p:cNvSpPr/>
          <p:nvPr userDrawn="1"/>
        </p:nvSpPr>
        <p:spPr>
          <a:xfrm>
            <a:off x="9979680" y="4158658"/>
            <a:ext cx="1762788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User Account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cxnSp>
        <p:nvCxnSpPr>
          <p:cNvPr id="17" name="Straight Connector 16"/>
          <p:cNvCxnSpPr/>
          <p:nvPr userDrawn="1"/>
        </p:nvCxnSpPr>
        <p:spPr>
          <a:xfrm>
            <a:off x="9819657" y="3378218"/>
            <a:ext cx="0" cy="691229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Straight Connector 17"/>
          <p:cNvCxnSpPr/>
          <p:nvPr userDrawn="1"/>
        </p:nvCxnSpPr>
        <p:spPr>
          <a:xfrm>
            <a:off x="9819657" y="4537560"/>
            <a:ext cx="0" cy="691229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  <p:sp>
        <p:nvSpPr>
          <p:cNvPr id="3" name="Rectangle: Rounded Corners 32"/>
          <p:cNvSpPr/>
          <p:nvPr userDrawn="1"/>
        </p:nvSpPr>
        <p:spPr>
          <a:xfrm>
            <a:off x="705342" y="1651071"/>
            <a:ext cx="10955613" cy="4093587"/>
          </a:xfrm>
          <a:prstGeom prst="roundRect">
            <a:avLst>
              <a:gd name="adj" fmla="val 1729"/>
            </a:avLst>
          </a:prstGeom>
          <a:noFill/>
          <a:ln>
            <a:solidFill>
              <a:srgbClr val="669E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5" name="Rectangle 4"/>
          <p:cNvSpPr/>
          <p:nvPr userDrawn="1"/>
        </p:nvSpPr>
        <p:spPr>
          <a:xfrm>
            <a:off x="2100215" y="1852852"/>
            <a:ext cx="8465912" cy="3466783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000">
                <a:latin typeface="Metropolis" panose="00000500000000000000" pitchFamily="50" charset="0"/>
                <a:cs typeface="Segoe UI" panose="020B0502040204020203" pitchFamily="34" charset="0"/>
              </a:rPr>
              <a:t>Outcomes:</a:t>
            </a:r>
          </a:p>
          <a:p>
            <a:pPr>
              <a:lnSpc>
                <a:spcPct val="150000"/>
              </a:lnSpc>
            </a:pPr>
            <a:endParaRPr lang="en-IN" sz="1600">
              <a:latin typeface="Metropolis" panose="00000500000000000000" pitchFamily="50" charset="0"/>
              <a:cs typeface="Segoe UI" panose="020B0502040204020203" pitchFamily="34" charset="0"/>
            </a:endParaRP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Comprehend the fundamental concepts of networks in the advanced computer networks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Identify the importance of the types of networks in their respective application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Deploy the right network architecture according to the type and requirements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Implement the right topology for the required network connectivity</a:t>
            </a:r>
            <a:endParaRPr lang="en-US" sz="1600"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pic>
        <p:nvPicPr>
          <p:cNvPr id="6" name="Graphic 5" descr="Document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=""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222156" y="2995516"/>
            <a:ext cx="1404696" cy="1404696"/>
          </a:xfrm>
          <a:prstGeom prst="rect">
            <a:avLst/>
          </a:prstGeom>
        </p:spPr>
      </p:pic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6" Type="http://schemas.openxmlformats.org/officeDocument/2006/relationships/theme" Target="../theme/theme1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7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469901"/>
            <a:ext cx="10515600" cy="463550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/>
          <a:p>
            <a:r>
              <a:rPr lang="en-GB" dirty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066800"/>
            <a:ext cx="10515600" cy="487679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GB" dirty="0"/>
              <a:t>Click to edit Master text styles</a:t>
            </a:r>
          </a:p>
          <a:p>
            <a:pPr lvl="1"/>
            <a:r>
              <a:rPr lang="en-GB" dirty="0"/>
              <a:t>Second level</a:t>
            </a:r>
          </a:p>
          <a:p>
            <a:pPr lvl="2"/>
            <a:r>
              <a:rPr lang="en-GB" dirty="0"/>
              <a:t>Third level</a:t>
            </a:r>
          </a:p>
          <a:p>
            <a:pPr lvl="3"/>
            <a:r>
              <a:rPr lang="en-GB" dirty="0"/>
              <a:t>Fourth level</a:t>
            </a:r>
          </a:p>
          <a:p>
            <a:pPr lvl="4"/>
            <a:r>
              <a:rPr lang="en-GB" dirty="0"/>
              <a:t>Fifth level</a:t>
            </a:r>
            <a:endParaRPr lang="en-US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  <p:sldLayoutId id="2147483661" r:id="rId13"/>
    <p:sldLayoutId id="2147483662" r:id="rId14"/>
    <p:sldLayoutId id="2147483663" r:id="rId15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2400" b="1" kern="1200">
          <a:solidFill>
            <a:schemeClr val="tx1"/>
          </a:solidFill>
          <a:latin typeface="Metropolis" panose="00000500000000000000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=""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10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3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3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3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8.jpeg"/><Relationship Id="rId1" Type="http://schemas.openxmlformats.org/officeDocument/2006/relationships/slideLayout" Target="../slideLayouts/slideLayout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3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3.xml"/><Relationship Id="rId4" Type="http://schemas.openxmlformats.org/officeDocument/2006/relationships/image" Target="../media/image15.png"/></Relationships>
</file>

<file path=ppt/slides/_rels/slide2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jpeg"/><Relationship Id="rId1" Type="http://schemas.openxmlformats.org/officeDocument/2006/relationships/slideLayout" Target="../slideLayouts/slideLayout10.xml"/></Relationships>
</file>

<file path=ppt/slides/_rels/slide2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jpeg"/><Relationship Id="rId1" Type="http://schemas.openxmlformats.org/officeDocument/2006/relationships/slideLayout" Target="../slideLayouts/slideLayout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.xml"/></Relationships>
</file>

<file path=ppt/slides/_rels/slide3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jpeg"/><Relationship Id="rId1" Type="http://schemas.openxmlformats.org/officeDocument/2006/relationships/slideLayout" Target="../slideLayouts/slideLayout10.xml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3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3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3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5.xml"/></Relationships>
</file>

<file path=ppt/slides/_rels/slide4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jpeg"/><Relationship Id="rId1" Type="http://schemas.openxmlformats.org/officeDocument/2006/relationships/slideLayout" Target="../slideLayouts/slideLayout3.xml"/></Relationships>
</file>

<file path=ppt/slides/_rels/slide4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jpeg"/><Relationship Id="rId1" Type="http://schemas.openxmlformats.org/officeDocument/2006/relationships/slideLayout" Target="../slideLayouts/slideLayout3.xml"/></Relationships>
</file>

<file path=ppt/slides/_rels/slide4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jpeg"/><Relationship Id="rId1" Type="http://schemas.openxmlformats.org/officeDocument/2006/relationships/slideLayout" Target="../slideLayouts/slideLayout3.xml"/></Relationships>
</file>

<file path=ppt/slides/_rels/slide4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jpeg"/><Relationship Id="rId1" Type="http://schemas.openxmlformats.org/officeDocument/2006/relationships/slideLayout" Target="../slideLayouts/slideLayout3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5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5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5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3.xml"/></Relationships>
</file>

<file path=ppt/slides/_rels/slide5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jpeg"/><Relationship Id="rId1" Type="http://schemas.openxmlformats.org/officeDocument/2006/relationships/slideLayout" Target="../slideLayouts/slideLayout8.xml"/><Relationship Id="rId6" Type="http://schemas.openxmlformats.org/officeDocument/2006/relationships/image" Target="../media/image28.png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2" Type="http://schemas.openxmlformats.org/officeDocument/2006/relationships/image" Target="../media/image29.png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33.png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_rels/slide5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png"/><Relationship Id="rId2" Type="http://schemas.openxmlformats.org/officeDocument/2006/relationships/image" Target="../media/image34.png"/><Relationship Id="rId1" Type="http://schemas.openxmlformats.org/officeDocument/2006/relationships/slideLayout" Target="../slideLayouts/slideLayout3.xml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5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9.png"/><Relationship Id="rId2" Type="http://schemas.openxmlformats.org/officeDocument/2006/relationships/image" Target="../media/image38.png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42.png"/><Relationship Id="rId5" Type="http://schemas.openxmlformats.org/officeDocument/2006/relationships/image" Target="../media/image41.png"/><Relationship Id="rId4" Type="http://schemas.openxmlformats.org/officeDocument/2006/relationships/image" Target="../media/image40.png"/></Relationships>
</file>

<file path=ppt/slides/_rels/slide5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6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9.png"/><Relationship Id="rId3" Type="http://schemas.openxmlformats.org/officeDocument/2006/relationships/image" Target="../media/image44.png"/><Relationship Id="rId7" Type="http://schemas.openxmlformats.org/officeDocument/2006/relationships/image" Target="../media/image48.png"/><Relationship Id="rId2" Type="http://schemas.openxmlformats.org/officeDocument/2006/relationships/image" Target="../media/image43.png"/><Relationship Id="rId1" Type="http://schemas.openxmlformats.org/officeDocument/2006/relationships/slideLayout" Target="../slideLayouts/slideLayout10.xml"/><Relationship Id="rId6" Type="http://schemas.openxmlformats.org/officeDocument/2006/relationships/image" Target="../media/image47.png"/><Relationship Id="rId5" Type="http://schemas.openxmlformats.org/officeDocument/2006/relationships/image" Target="../media/image46.png"/><Relationship Id="rId4" Type="http://schemas.openxmlformats.org/officeDocument/2006/relationships/image" Target="../media/image45.png"/><Relationship Id="rId9" Type="http://schemas.openxmlformats.org/officeDocument/2006/relationships/image" Target="../media/image50.png"/></Relationships>
</file>

<file path=ppt/slides/_rels/slide6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6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3.xml.rels><?xml version="1.0" encoding="UTF-8" standalone="yes"?>
<Relationships xmlns="http://schemas.openxmlformats.org/package/2006/relationships"><Relationship Id="rId2" Type="http://schemas.openxmlformats.org/officeDocument/2006/relationships/image" Target="../media/image51.png"/><Relationship Id="rId1" Type="http://schemas.openxmlformats.org/officeDocument/2006/relationships/slideLayout" Target="../slideLayouts/slideLayout3.xml"/></Relationships>
</file>

<file path=ppt/slides/_rels/slide6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66.xml.rels><?xml version="1.0" encoding="UTF-8" standalone="yes"?>
<Relationships xmlns="http://schemas.openxmlformats.org/package/2006/relationships"><Relationship Id="rId3" Type="http://schemas.openxmlformats.org/officeDocument/2006/relationships/image" Target="../media/image53.png"/><Relationship Id="rId2" Type="http://schemas.openxmlformats.org/officeDocument/2006/relationships/image" Target="../media/image52.png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56.png"/><Relationship Id="rId5" Type="http://schemas.openxmlformats.org/officeDocument/2006/relationships/image" Target="../media/image55.png"/><Relationship Id="rId4" Type="http://schemas.openxmlformats.org/officeDocument/2006/relationships/image" Target="../media/image54.png"/></Relationships>
</file>

<file path=ppt/slides/_rels/slide67.xml.rels><?xml version="1.0" encoding="UTF-8" standalone="yes"?>
<Relationships xmlns="http://schemas.openxmlformats.org/package/2006/relationships"><Relationship Id="rId8" Type="http://schemas.openxmlformats.org/officeDocument/2006/relationships/image" Target="../media/image63.png"/><Relationship Id="rId13" Type="http://schemas.openxmlformats.org/officeDocument/2006/relationships/image" Target="../media/image68.png"/><Relationship Id="rId18" Type="http://schemas.openxmlformats.org/officeDocument/2006/relationships/image" Target="../media/image73.png"/><Relationship Id="rId26" Type="http://schemas.openxmlformats.org/officeDocument/2006/relationships/image" Target="../media/image81.png"/><Relationship Id="rId3" Type="http://schemas.openxmlformats.org/officeDocument/2006/relationships/image" Target="../media/image58.png"/><Relationship Id="rId21" Type="http://schemas.openxmlformats.org/officeDocument/2006/relationships/image" Target="../media/image76.png"/><Relationship Id="rId7" Type="http://schemas.openxmlformats.org/officeDocument/2006/relationships/image" Target="../media/image62.png"/><Relationship Id="rId12" Type="http://schemas.openxmlformats.org/officeDocument/2006/relationships/image" Target="../media/image67.png"/><Relationship Id="rId17" Type="http://schemas.openxmlformats.org/officeDocument/2006/relationships/image" Target="../media/image72.png"/><Relationship Id="rId25" Type="http://schemas.openxmlformats.org/officeDocument/2006/relationships/image" Target="../media/image80.png"/><Relationship Id="rId2" Type="http://schemas.openxmlformats.org/officeDocument/2006/relationships/image" Target="../media/image57.png"/><Relationship Id="rId16" Type="http://schemas.openxmlformats.org/officeDocument/2006/relationships/image" Target="../media/image71.png"/><Relationship Id="rId20" Type="http://schemas.openxmlformats.org/officeDocument/2006/relationships/image" Target="../media/image75.png"/><Relationship Id="rId29" Type="http://schemas.openxmlformats.org/officeDocument/2006/relationships/image" Target="../media/image84.png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61.png"/><Relationship Id="rId11" Type="http://schemas.openxmlformats.org/officeDocument/2006/relationships/image" Target="../media/image66.png"/><Relationship Id="rId24" Type="http://schemas.openxmlformats.org/officeDocument/2006/relationships/image" Target="../media/image79.png"/><Relationship Id="rId5" Type="http://schemas.openxmlformats.org/officeDocument/2006/relationships/image" Target="../media/image60.png"/><Relationship Id="rId15" Type="http://schemas.openxmlformats.org/officeDocument/2006/relationships/image" Target="../media/image70.png"/><Relationship Id="rId23" Type="http://schemas.openxmlformats.org/officeDocument/2006/relationships/image" Target="../media/image78.png"/><Relationship Id="rId28" Type="http://schemas.openxmlformats.org/officeDocument/2006/relationships/image" Target="../media/image83.png"/><Relationship Id="rId10" Type="http://schemas.openxmlformats.org/officeDocument/2006/relationships/image" Target="../media/image65.png"/><Relationship Id="rId19" Type="http://schemas.openxmlformats.org/officeDocument/2006/relationships/image" Target="../media/image74.png"/><Relationship Id="rId31" Type="http://schemas.openxmlformats.org/officeDocument/2006/relationships/image" Target="../media/image86.png"/><Relationship Id="rId4" Type="http://schemas.openxmlformats.org/officeDocument/2006/relationships/image" Target="../media/image59.png"/><Relationship Id="rId9" Type="http://schemas.openxmlformats.org/officeDocument/2006/relationships/image" Target="../media/image64.png"/><Relationship Id="rId14" Type="http://schemas.openxmlformats.org/officeDocument/2006/relationships/image" Target="../media/image69.png"/><Relationship Id="rId22" Type="http://schemas.openxmlformats.org/officeDocument/2006/relationships/image" Target="../media/image77.png"/><Relationship Id="rId27" Type="http://schemas.openxmlformats.org/officeDocument/2006/relationships/image" Target="../media/image82.png"/><Relationship Id="rId30" Type="http://schemas.openxmlformats.org/officeDocument/2006/relationships/image" Target="../media/image85.png"/></Relationships>
</file>

<file path=ppt/slides/_rels/slide6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6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2.xml.rels><?xml version="1.0" encoding="UTF-8" standalone="yes"?>
<Relationships xmlns="http://schemas.openxmlformats.org/package/2006/relationships"><Relationship Id="rId2" Type="http://schemas.openxmlformats.org/officeDocument/2006/relationships/image" Target="../media/image87.png"/><Relationship Id="rId1" Type="http://schemas.openxmlformats.org/officeDocument/2006/relationships/slideLayout" Target="../slideLayouts/slideLayout3.xml"/></Relationships>
</file>

<file path=ppt/slides/_rels/slide7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7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2.xml.rels><?xml version="1.0" encoding="UTF-8" standalone="yes"?>
<Relationships xmlns="http://schemas.openxmlformats.org/package/2006/relationships"><Relationship Id="rId2" Type="http://schemas.openxmlformats.org/officeDocument/2006/relationships/image" Target="../media/image88.jpeg"/><Relationship Id="rId1" Type="http://schemas.openxmlformats.org/officeDocument/2006/relationships/slideLayout" Target="../slideLayouts/slideLayout10.xml"/></Relationships>
</file>

<file path=ppt/slides/_rels/slide8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5.xml.rels><?xml version="1.0" encoding="UTF-8" standalone="yes"?>
<Relationships xmlns="http://schemas.openxmlformats.org/package/2006/relationships"><Relationship Id="rId2" Type="http://schemas.openxmlformats.org/officeDocument/2006/relationships/image" Target="../media/image89.wmf"/><Relationship Id="rId1" Type="http://schemas.openxmlformats.org/officeDocument/2006/relationships/slideLayout" Target="../slideLayouts/slideLayout15.xml"/></Relationships>
</file>

<file path=ppt/slides/_rels/slide8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8.xml.rels><?xml version="1.0" encoding="UTF-8" standalone="yes"?>
<Relationships xmlns="http://schemas.openxmlformats.org/package/2006/relationships"><Relationship Id="rId2" Type="http://schemas.openxmlformats.org/officeDocument/2006/relationships/image" Target="../media/image90.png"/><Relationship Id="rId1" Type="http://schemas.openxmlformats.org/officeDocument/2006/relationships/slideLayout" Target="../slideLayouts/slideLayout8.xml"/></Relationships>
</file>

<file path=ppt/slides/_rels/slide89.xml.rels><?xml version="1.0" encoding="UTF-8" standalone="yes"?>
<Relationships xmlns="http://schemas.openxmlformats.org/package/2006/relationships"><Relationship Id="rId2" Type="http://schemas.openxmlformats.org/officeDocument/2006/relationships/image" Target="../media/image91.png"/><Relationship Id="rId1" Type="http://schemas.openxmlformats.org/officeDocument/2006/relationships/slideLayout" Target="../slideLayouts/slideLayout9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90.xml.rels><?xml version="1.0" encoding="UTF-8" standalone="yes"?>
<Relationships xmlns="http://schemas.openxmlformats.org/package/2006/relationships"><Relationship Id="rId2" Type="http://schemas.openxmlformats.org/officeDocument/2006/relationships/image" Target="../media/image92.png"/><Relationship Id="rId1" Type="http://schemas.openxmlformats.org/officeDocument/2006/relationships/slideLayout" Target="../slideLayouts/slideLayout8.xml"/></Relationships>
</file>

<file path=ppt/slides/_rels/slide9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6.xml"/><Relationship Id="rId4" Type="http://schemas.openxmlformats.org/officeDocument/2006/relationships/image" Target="../media/image93.png"/></Relationships>
</file>

<file path=ppt/slides/_rels/slide9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7.xml"/><Relationship Id="rId5" Type="http://schemas.openxmlformats.org/officeDocument/2006/relationships/image" Target="../media/image51.svg"/><Relationship Id="rId4" Type="http://schemas.openxmlformats.org/officeDocument/2006/relationships/image" Target="../media/image94.png"/></Relationships>
</file>

<file path=ppt/slides/_rels/slide9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>
            <a:normAutofit/>
          </a:bodyPr>
          <a:lstStyle/>
          <a:p>
            <a:r>
              <a:rPr lang="en-US" sz="4400" b="1" dirty="0" err="1">
                <a:latin typeface="Metropolis"/>
              </a:rPr>
              <a:t>Revolutionising</a:t>
            </a:r>
            <a:r>
              <a:rPr lang="en-US" sz="4400" b="1" dirty="0">
                <a:latin typeface="Metropolis"/>
              </a:rPr>
              <a:t> </a:t>
            </a:r>
            <a:r>
              <a:rPr lang="en-US" sz="4400" b="1" dirty="0" err="1">
                <a:latin typeface="Metropolis"/>
              </a:rPr>
              <a:t>B.Tech</a:t>
            </a:r>
            <a:endParaRPr lang="en-US" sz="4400" b="1" dirty="0">
              <a:latin typeface="Metropolis"/>
            </a:endParaRPr>
          </a:p>
        </p:txBody>
      </p:sp>
      <p:pic>
        <p:nvPicPr>
          <p:cNvPr id="5" name="Picture 4" descr="A picture containing text, sign, dark, clipart&#10;&#10;Description automatically generated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349625" y="2218876"/>
            <a:ext cx="5492750" cy="1383162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337310" y="1943100"/>
            <a:ext cx="3267075" cy="2603918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6350" indent="-342900" algn="just">
              <a:lnSpc>
                <a:spcPct val="100000"/>
              </a:lnSpc>
              <a:spcBef>
                <a:spcPts val="105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2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000" spc="5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</a:t>
            </a:r>
            <a:r>
              <a:rPr sz="2000" spc="9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nd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eal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nd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so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fer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0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us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ppe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I/O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ffers</a:t>
            </a:r>
            <a:r>
              <a:rPr sz="2000" spc="4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2000" spc="4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lexibility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ndling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ion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680210" y="5312486"/>
            <a:ext cx="1417320" cy="33147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121031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n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337310" y="5007991"/>
            <a:ext cx="3265170" cy="63627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R="5715" algn="r">
              <a:lnSpc>
                <a:spcPct val="100000"/>
              </a:lnSpc>
              <a:spcBef>
                <a:spcPts val="100"/>
              </a:spcBef>
              <a:tabLst>
                <a:tab pos="342265" algn="l"/>
                <a:tab pos="1064895" algn="l"/>
                <a:tab pos="1771014" algn="l"/>
                <a:tab pos="292925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ll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	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ices	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endParaRPr sz="2000">
              <a:latin typeface="Times New Roman"/>
              <a:cs typeface="Times New Roman"/>
            </a:endParaRPr>
          </a:p>
          <a:p>
            <a:pPr marR="5080" algn="r">
              <a:lnSpc>
                <a:spcPct val="100000"/>
              </a:lnSpc>
              <a:tabLst>
                <a:tab pos="476884" algn="l"/>
                <a:tab pos="982344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	I/O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680210" y="5617870"/>
            <a:ext cx="2923540" cy="9404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 algn="just">
              <a:lnSpc>
                <a:spcPct val="100000"/>
              </a:lnSpc>
              <a:spcBef>
                <a:spcPts val="100"/>
              </a:spcBef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rough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 </a:t>
            </a:r>
            <a:r>
              <a:rPr sz="2000" spc="-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I/O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 Interfac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6" name="object 6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4966714" y="1338943"/>
            <a:ext cx="6806185" cy="4343401"/>
          </a:xfrm>
          <a:prstGeom prst="rect">
            <a:avLst/>
          </a:prstGeom>
        </p:spPr>
      </p:pic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70936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30" dirty="0">
                <a:latin typeface="Verdana"/>
                <a:cs typeface="Verdana"/>
              </a:rPr>
              <a:t>I/</a:t>
            </a:r>
            <a:r>
              <a:rPr sz="3600" spc="-225" dirty="0">
                <a:latin typeface="Verdana"/>
                <a:cs typeface="Verdana"/>
              </a:rPr>
              <a:t>O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55" dirty="0">
                <a:latin typeface="Verdana"/>
                <a:cs typeface="Verdana"/>
              </a:rPr>
              <a:t>Interfac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917319" y="2567177"/>
            <a:ext cx="8110220" cy="121539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5080" indent="-342900" algn="just">
              <a:lnSpc>
                <a:spcPct val="100000"/>
              </a:lnSpc>
              <a:spcBef>
                <a:spcPts val="105"/>
              </a:spcBef>
            </a:pPr>
            <a:r>
              <a:rPr sz="2050" spc="-180" dirty="0">
                <a:solidFill>
                  <a:srgbClr val="B83C68"/>
                </a:solidFill>
                <a:latin typeface="Lucida Sans Unicode"/>
                <a:cs typeface="Lucida Sans Unicode"/>
              </a:rPr>
              <a:t>▶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Input/Output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face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provides a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 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for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ring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instruction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between internal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storage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 and external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I/O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device.</a:t>
            </a:r>
            <a:endParaRPr sz="26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917319" y="3884167"/>
            <a:ext cx="8108950" cy="42227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2127885" algn="l"/>
                <a:tab pos="3754120" algn="l"/>
                <a:tab pos="4300220" algn="l"/>
                <a:tab pos="4734560" algn="l"/>
                <a:tab pos="6269355" algn="l"/>
                <a:tab pos="7180580" algn="l"/>
              </a:tabLst>
            </a:pPr>
            <a:r>
              <a:rPr sz="2050" spc="-18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2050" spc="2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Periph</a:t>
            </a:r>
            <a:r>
              <a:rPr sz="26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ra</a:t>
            </a:r>
            <a:r>
              <a:rPr sz="2600" spc="-15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s	connec</a:t>
            </a:r>
            <a:r>
              <a:rPr sz="2600" spc="-1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600" spc="-2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d	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o	a	co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600" spc="10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r	ne</a:t>
            </a:r>
            <a:r>
              <a:rPr sz="2600" spc="-2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d	spe</a:t>
            </a:r>
            <a:r>
              <a:rPr sz="2600" spc="-2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endParaRPr sz="26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917319" y="4153911"/>
            <a:ext cx="8110220" cy="1864360"/>
          </a:xfrm>
          <a:prstGeom prst="rect">
            <a:avLst/>
          </a:prstGeom>
        </p:spPr>
        <p:txBody>
          <a:bodyPr vert="horz" wrap="square" lIns="0" tIns="139700" rIns="0" bIns="0" rtlCol="0">
            <a:spAutoFit/>
          </a:bodyPr>
          <a:lstStyle/>
          <a:p>
            <a:pPr marL="355600" algn="just">
              <a:lnSpc>
                <a:spcPct val="100000"/>
              </a:lnSpc>
              <a:spcBef>
                <a:spcPts val="1100"/>
              </a:spcBef>
            </a:pP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unication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link</a:t>
            </a:r>
            <a:r>
              <a:rPr sz="26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facing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them</a:t>
            </a:r>
            <a:r>
              <a:rPr sz="26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6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6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994"/>
              </a:spcBef>
            </a:pPr>
            <a:r>
              <a:rPr sz="2050" spc="-180" dirty="0">
                <a:solidFill>
                  <a:srgbClr val="B83C68"/>
                </a:solidFill>
                <a:latin typeface="Lucida Sans Unicode"/>
                <a:cs typeface="Lucida Sans Unicode"/>
              </a:rPr>
              <a:t>▶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6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purpose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26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unication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link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resolve</a:t>
            </a:r>
            <a:r>
              <a:rPr sz="26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6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spc="-10" dirty="0">
                <a:solidFill>
                  <a:srgbClr val="404040"/>
                </a:solidFill>
                <a:latin typeface="Times New Roman"/>
                <a:cs typeface="Times New Roman"/>
              </a:rPr>
              <a:t>differences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exists between the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6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peripherals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 and</a:t>
            </a:r>
            <a:r>
              <a:rPr sz="26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among</a:t>
            </a:r>
            <a:r>
              <a:rPr sz="26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600" dirty="0">
                <a:solidFill>
                  <a:srgbClr val="404040"/>
                </a:solidFill>
                <a:latin typeface="Times New Roman"/>
                <a:cs typeface="Times New Roman"/>
              </a:rPr>
              <a:t>peripherals.</a:t>
            </a:r>
            <a:endParaRPr sz="26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498219" y="1338943"/>
            <a:ext cx="7286552" cy="382156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400" dirty="0"/>
              <a:t>The</a:t>
            </a:r>
            <a:r>
              <a:rPr sz="2400" spc="-30" dirty="0"/>
              <a:t> </a:t>
            </a:r>
            <a:r>
              <a:rPr sz="2400" spc="-5" dirty="0"/>
              <a:t>major</a:t>
            </a:r>
            <a:r>
              <a:rPr sz="2400" dirty="0"/>
              <a:t> </a:t>
            </a:r>
            <a:r>
              <a:rPr sz="2400" spc="-5" dirty="0"/>
              <a:t>differences</a:t>
            </a:r>
            <a:r>
              <a:rPr sz="2400" spc="-30" dirty="0"/>
              <a:t> </a:t>
            </a:r>
            <a:r>
              <a:rPr sz="2400" dirty="0"/>
              <a:t>are</a:t>
            </a:r>
            <a:r>
              <a:rPr sz="2400" spc="-15" dirty="0"/>
              <a:t> </a:t>
            </a:r>
            <a:r>
              <a:rPr sz="2400" dirty="0"/>
              <a:t>as</a:t>
            </a:r>
            <a:r>
              <a:rPr sz="2400" spc="-20" dirty="0"/>
              <a:t> </a:t>
            </a:r>
            <a:r>
              <a:rPr sz="2400" spc="-5" dirty="0"/>
              <a:t>follows</a:t>
            </a:r>
            <a:r>
              <a:rPr sz="2400" spc="-5" dirty="0">
                <a:solidFill>
                  <a:srgbClr val="C00000"/>
                </a:solidFill>
              </a:rPr>
              <a:t>:</a:t>
            </a:r>
            <a:endParaRPr sz="2400"/>
          </a:p>
        </p:txBody>
      </p:sp>
      <p:sp>
        <p:nvSpPr>
          <p:cNvPr id="3" name="object 3"/>
          <p:cNvSpPr txBox="1"/>
          <p:nvPr/>
        </p:nvSpPr>
        <p:spPr>
          <a:xfrm>
            <a:off x="1498219" y="2057400"/>
            <a:ext cx="9784824" cy="3901068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 algn="just">
              <a:lnSpc>
                <a:spcPct val="140000"/>
              </a:lnSpc>
              <a:spcBef>
                <a:spcPts val="100"/>
              </a:spcBef>
              <a:buClr>
                <a:srgbClr val="B83C68"/>
              </a:buClr>
              <a:buSzPct val="80000"/>
              <a:buAutoNum type="arabicPeriod"/>
              <a:tabLst>
                <a:tab pos="355600" algn="l"/>
              </a:tabLst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re electromagnetic or electro-mechanical.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PU is purely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lectronic device. The natur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 operation of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 devic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 differen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opera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refor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conversion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gnal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alue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quired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40000"/>
              </a:lnSpc>
              <a:buClr>
                <a:srgbClr val="B83C68"/>
              </a:buClr>
              <a:buSzPct val="80000"/>
              <a:buAutoNum type="arabicPeriod"/>
              <a:tabLst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rat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r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ually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lowe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han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o,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ynchroniz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chanism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eeded.</a:t>
            </a:r>
            <a:endParaRPr sz="2000">
              <a:latin typeface="Times New Roman"/>
              <a:cs typeface="Times New Roman"/>
            </a:endParaRPr>
          </a:p>
          <a:p>
            <a:pPr marL="355600" indent="-342900" algn="just">
              <a:lnSpc>
                <a:spcPct val="100000"/>
              </a:lnSpc>
              <a:spcBef>
                <a:spcPts val="960"/>
              </a:spcBef>
              <a:buClr>
                <a:srgbClr val="B83C68"/>
              </a:buClr>
              <a:buSzPct val="80000"/>
              <a:buAutoNum type="arabicPeriod"/>
              <a:tabLst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de</a:t>
            </a:r>
            <a:r>
              <a:rPr sz="20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ormats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s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differ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ord</a:t>
            </a:r>
            <a:r>
              <a:rPr sz="20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ormat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  <a:spcBef>
                <a:spcPts val="960"/>
              </a:spcBef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vers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echanism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eeded.</a:t>
            </a:r>
            <a:endParaRPr sz="2000">
              <a:latin typeface="Times New Roman"/>
              <a:cs typeface="Times New Roman"/>
            </a:endParaRPr>
          </a:p>
          <a:p>
            <a:pPr marL="355600" marR="5715" indent="-342900" algn="just">
              <a:lnSpc>
                <a:spcPct val="140000"/>
              </a:lnSpc>
              <a:spcBef>
                <a:spcPts val="5"/>
              </a:spcBef>
              <a:buClr>
                <a:srgbClr val="B83C68"/>
              </a:buClr>
              <a:buSzPct val="80000"/>
              <a:buAutoNum type="arabicPeriod" startAt="4"/>
              <a:tabLst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ng modes of peripherals ar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different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 each other and each mus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l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sturb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eripherals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nect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158951" y="1747157"/>
            <a:ext cx="4953635" cy="4200509"/>
          </a:xfrm>
          <a:prstGeom prst="rect">
            <a:avLst/>
          </a:prstGeom>
        </p:spPr>
        <p:txBody>
          <a:bodyPr vert="horz" wrap="square" lIns="0" tIns="47625" rIns="0" bIns="0" rtlCol="0">
            <a:spAutoFit/>
          </a:bodyPr>
          <a:lstStyle/>
          <a:p>
            <a:pPr marL="355600" marR="5080" indent="-343535" algn="just">
              <a:lnSpc>
                <a:spcPts val="2160"/>
              </a:lnSpc>
              <a:spcBef>
                <a:spcPts val="37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1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7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solve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se</a:t>
            </a:r>
            <a:r>
              <a:rPr sz="20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fferences</a:t>
            </a:r>
            <a:r>
              <a:rPr sz="20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eed </a:t>
            </a:r>
            <a:r>
              <a:rPr sz="2000" spc="-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pecia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hardwar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onent</a:t>
            </a:r>
            <a:r>
              <a:rPr sz="2000" spc="4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etween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 and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 devices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upervise and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ynchronize</a:t>
            </a:r>
            <a:r>
              <a:rPr sz="20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pu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 output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s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ts val="2280"/>
              </a:lnSpc>
              <a:spcBef>
                <a:spcPts val="72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4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onent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Interface</a:t>
            </a:r>
            <a:r>
              <a:rPr sz="2000" spc="5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unit</a:t>
            </a:r>
            <a:r>
              <a:rPr sz="2000" spc="6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ts val="2280"/>
              </a:lnSpc>
            </a:pP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I/O</a:t>
            </a:r>
            <a:r>
              <a:rPr sz="2000" spc="-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modul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355600" marR="5715" indent="-343535" algn="just">
              <a:lnSpc>
                <a:spcPts val="2160"/>
              </a:lnSpc>
              <a:spcBef>
                <a:spcPts val="104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 is used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old data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b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red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90100"/>
              </a:lnSpc>
              <a:spcBef>
                <a:spcPts val="96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us register is required to store the status,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at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,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tatu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dition of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devic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for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ion.</a:t>
            </a:r>
            <a:endParaRPr sz="2000">
              <a:latin typeface="Times New Roman"/>
              <a:cs typeface="Times New Roman"/>
            </a:endParaRPr>
          </a:p>
          <a:p>
            <a:pPr marL="355600" marR="5715" indent="-343535" algn="just">
              <a:lnSpc>
                <a:spcPts val="2160"/>
              </a:lnSpc>
              <a:spcBef>
                <a:spcPts val="103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 circuit is for receiving and sending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control</a:t>
            </a:r>
            <a:r>
              <a:rPr sz="2000" spc="-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gnal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468074" y="1301931"/>
            <a:ext cx="5039868" cy="4197096"/>
          </a:xfrm>
          <a:prstGeom prst="rect">
            <a:avLst/>
          </a:prstGeom>
        </p:spPr>
      </p:pic>
      <p:sp>
        <p:nvSpPr>
          <p:cNvPr id="4" name="object 4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68650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55" dirty="0">
                <a:latin typeface="Verdana"/>
                <a:cs typeface="Verdana"/>
              </a:rPr>
              <a:t>Interfac</a:t>
            </a:r>
            <a:r>
              <a:rPr sz="3600" spc="-60" dirty="0">
                <a:latin typeface="Verdana"/>
                <a:cs typeface="Verdana"/>
              </a:rPr>
              <a:t>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80" dirty="0">
                <a:latin typeface="Verdana"/>
                <a:cs typeface="Verdana"/>
              </a:rPr>
              <a:t>Module</a:t>
            </a:r>
            <a:endParaRPr sz="36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object 1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43258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95" dirty="0">
                <a:latin typeface="Verdana"/>
                <a:cs typeface="Verdana"/>
              </a:rPr>
              <a:t>Types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55" dirty="0">
                <a:latin typeface="Verdana"/>
                <a:cs typeface="Verdana"/>
              </a:rPr>
              <a:t>o</a:t>
            </a:r>
            <a:r>
              <a:rPr sz="3600" spc="-140" dirty="0">
                <a:latin typeface="Verdana"/>
                <a:cs typeface="Verdana"/>
              </a:rPr>
              <a:t>f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65" dirty="0">
                <a:latin typeface="Verdana"/>
                <a:cs typeface="Verdana"/>
              </a:rPr>
              <a:t>Dat</a:t>
            </a:r>
            <a:r>
              <a:rPr sz="3600" spc="75" dirty="0">
                <a:latin typeface="Verdana"/>
                <a:cs typeface="Verdana"/>
              </a:rPr>
              <a:t>a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-680" dirty="0">
                <a:latin typeface="Verdana"/>
                <a:cs typeface="Verdana"/>
              </a:rPr>
              <a:t>T</a:t>
            </a:r>
            <a:r>
              <a:rPr sz="3600" spc="-160" dirty="0">
                <a:latin typeface="Verdana"/>
                <a:cs typeface="Verdana"/>
              </a:rPr>
              <a:t>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13" name="object 13"/>
          <p:cNvSpPr txBox="1"/>
          <p:nvPr/>
        </p:nvSpPr>
        <p:spPr>
          <a:xfrm>
            <a:off x="5502729" y="2361438"/>
            <a:ext cx="3170101" cy="25648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387985">
              <a:lnSpc>
                <a:spcPts val="2025"/>
              </a:lnSpc>
            </a:pPr>
            <a:r>
              <a:rPr sz="1800" b="1" spc="-25" smtClean="0">
                <a:latin typeface="Times New Roman"/>
                <a:cs typeface="Times New Roman"/>
              </a:rPr>
              <a:t>Type</a:t>
            </a:r>
            <a:r>
              <a:rPr lang="en-US" sz="1800" b="1" spc="-25" dirty="0" smtClean="0">
                <a:latin typeface="Times New Roman"/>
                <a:cs typeface="Times New Roman"/>
              </a:rPr>
              <a:t>Types</a:t>
            </a:r>
            <a:r>
              <a:rPr sz="1800" b="1" spc="-25" smtClean="0">
                <a:latin typeface="Times New Roman"/>
                <a:cs typeface="Times New Roman"/>
              </a:rPr>
              <a:t>s</a:t>
            </a:r>
            <a:r>
              <a:rPr sz="1800" b="1" spc="-40" smtClean="0">
                <a:latin typeface="Times New Roman"/>
                <a:cs typeface="Times New Roman"/>
              </a:rPr>
              <a:t> </a:t>
            </a:r>
            <a:r>
              <a:rPr sz="1800" b="1" dirty="0">
                <a:latin typeface="Times New Roman"/>
                <a:cs typeface="Times New Roman"/>
              </a:rPr>
              <a:t>of</a:t>
            </a:r>
            <a:r>
              <a:rPr sz="1800" b="1" spc="-10" dirty="0">
                <a:latin typeface="Times New Roman"/>
                <a:cs typeface="Times New Roman"/>
              </a:rPr>
              <a:t> </a:t>
            </a:r>
            <a:r>
              <a:rPr sz="1800" b="1" spc="-5" dirty="0">
                <a:latin typeface="Times New Roman"/>
                <a:cs typeface="Times New Roman"/>
              </a:rPr>
              <a:t>Data</a:t>
            </a:r>
            <a:r>
              <a:rPr sz="1800" b="1" spc="-50" dirty="0">
                <a:latin typeface="Times New Roman"/>
                <a:cs typeface="Times New Roman"/>
              </a:rPr>
              <a:t> </a:t>
            </a:r>
            <a:r>
              <a:rPr sz="1800" b="1" spc="-10" dirty="0">
                <a:latin typeface="Times New Roman"/>
                <a:cs typeface="Times New Roman"/>
              </a:rPr>
              <a:t>Transfer</a:t>
            </a:r>
            <a:endParaRPr sz="1800" b="1">
              <a:latin typeface="Times New Roman"/>
              <a:cs typeface="Times New Roman"/>
            </a:endParaRPr>
          </a:p>
        </p:txBody>
      </p:sp>
      <p:sp>
        <p:nvSpPr>
          <p:cNvPr id="14" name="object 14"/>
          <p:cNvSpPr/>
          <p:nvPr/>
        </p:nvSpPr>
        <p:spPr>
          <a:xfrm>
            <a:off x="3455670" y="3138677"/>
            <a:ext cx="2528570" cy="340360"/>
          </a:xfrm>
          <a:custGeom>
            <a:avLst/>
            <a:gdLst/>
            <a:ahLst/>
            <a:cxnLst/>
            <a:rect l="l" t="t" r="r" b="b"/>
            <a:pathLst>
              <a:path w="2528570" h="340360">
                <a:moveTo>
                  <a:pt x="2528316" y="0"/>
                </a:moveTo>
                <a:lnTo>
                  <a:pt x="0" y="0"/>
                </a:lnTo>
                <a:lnTo>
                  <a:pt x="0" y="339851"/>
                </a:lnTo>
                <a:lnTo>
                  <a:pt x="2528316" y="339851"/>
                </a:lnTo>
                <a:lnTo>
                  <a:pt x="2528316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5" name="object 15"/>
          <p:cNvSpPr txBox="1"/>
          <p:nvPr/>
        </p:nvSpPr>
        <p:spPr>
          <a:xfrm>
            <a:off x="3454431" y="3160014"/>
            <a:ext cx="2515870" cy="31877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252729">
              <a:lnSpc>
                <a:spcPts val="2075"/>
              </a:lnSpc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Parallel</a:t>
            </a:r>
            <a:r>
              <a:rPr sz="1800" spc="-3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Data</a:t>
            </a:r>
            <a:r>
              <a:rPr sz="1800" spc="-5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FFFFFF"/>
                </a:solidFill>
                <a:latin typeface="Times New Roman"/>
                <a:cs typeface="Times New Roman"/>
              </a:rPr>
              <a:t>Transf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16" name="object 16"/>
          <p:cNvSpPr/>
          <p:nvPr/>
        </p:nvSpPr>
        <p:spPr>
          <a:xfrm>
            <a:off x="7712202" y="3181350"/>
            <a:ext cx="2433955" cy="372110"/>
          </a:xfrm>
          <a:custGeom>
            <a:avLst/>
            <a:gdLst/>
            <a:ahLst/>
            <a:cxnLst/>
            <a:rect l="l" t="t" r="r" b="b"/>
            <a:pathLst>
              <a:path w="2433954" h="372110">
                <a:moveTo>
                  <a:pt x="2433828" y="0"/>
                </a:moveTo>
                <a:lnTo>
                  <a:pt x="0" y="0"/>
                </a:lnTo>
                <a:lnTo>
                  <a:pt x="0" y="371855"/>
                </a:lnTo>
                <a:lnTo>
                  <a:pt x="2433828" y="371855"/>
                </a:lnTo>
                <a:lnTo>
                  <a:pt x="2433828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7" name="object 17"/>
          <p:cNvSpPr txBox="1"/>
          <p:nvPr/>
        </p:nvSpPr>
        <p:spPr>
          <a:xfrm>
            <a:off x="7712202" y="3160014"/>
            <a:ext cx="2433955" cy="39370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31750" rIns="0" bIns="0" rtlCol="0">
            <a:spAutoFit/>
          </a:bodyPr>
          <a:lstStyle/>
          <a:p>
            <a:pPr marL="294005">
              <a:lnSpc>
                <a:spcPct val="100000"/>
              </a:lnSpc>
              <a:spcBef>
                <a:spcPts val="250"/>
              </a:spcBef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Serial</a:t>
            </a:r>
            <a:r>
              <a:rPr sz="1800" spc="-4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Data</a:t>
            </a:r>
            <a:r>
              <a:rPr sz="1800" spc="-4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FFFFFF"/>
                </a:solidFill>
                <a:latin typeface="Times New Roman"/>
                <a:cs typeface="Times New Roman"/>
              </a:rPr>
              <a:t>Transfer</a:t>
            </a:r>
            <a:endParaRPr sz="1800">
              <a:latin typeface="Times New Roman"/>
              <a:cs typeface="Times New Roman"/>
            </a:endParaRPr>
          </a:p>
        </p:txBody>
      </p:sp>
      <p:grpSp>
        <p:nvGrpSpPr>
          <p:cNvPr id="18" name="object 18"/>
          <p:cNvGrpSpPr/>
          <p:nvPr/>
        </p:nvGrpSpPr>
        <p:grpSpPr>
          <a:xfrm>
            <a:off x="4779645" y="2678048"/>
            <a:ext cx="4010660" cy="1698625"/>
            <a:chOff x="4779645" y="2678048"/>
            <a:chExt cx="4010660" cy="1698625"/>
          </a:xfrm>
        </p:grpSpPr>
        <p:sp>
          <p:nvSpPr>
            <p:cNvPr id="19" name="object 19"/>
            <p:cNvSpPr/>
            <p:nvPr/>
          </p:nvSpPr>
          <p:spPr>
            <a:xfrm>
              <a:off x="4789170" y="2687573"/>
              <a:ext cx="3991610" cy="469900"/>
            </a:xfrm>
            <a:custGeom>
              <a:avLst/>
              <a:gdLst/>
              <a:ahLst/>
              <a:cxnLst/>
              <a:rect l="l" t="t" r="r" b="b"/>
              <a:pathLst>
                <a:path w="3991609" h="469900">
                  <a:moveTo>
                    <a:pt x="2432304" y="0"/>
                  </a:moveTo>
                  <a:lnTo>
                    <a:pt x="2432304" y="301625"/>
                  </a:lnTo>
                </a:path>
                <a:path w="3991609" h="469900">
                  <a:moveTo>
                    <a:pt x="0" y="297179"/>
                  </a:moveTo>
                  <a:lnTo>
                    <a:pt x="3991102" y="313181"/>
                  </a:lnTo>
                </a:path>
                <a:path w="3991609" h="469900">
                  <a:moveTo>
                    <a:pt x="3991355" y="310896"/>
                  </a:moveTo>
                  <a:lnTo>
                    <a:pt x="3991355" y="469773"/>
                  </a:lnTo>
                </a:path>
                <a:path w="3991609" h="469900">
                  <a:moveTo>
                    <a:pt x="3047" y="297179"/>
                  </a:moveTo>
                  <a:lnTo>
                    <a:pt x="3047" y="456056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0" name="object 20"/>
            <p:cNvSpPr/>
            <p:nvPr/>
          </p:nvSpPr>
          <p:spPr>
            <a:xfrm>
              <a:off x="4949190" y="4036313"/>
              <a:ext cx="3020695" cy="340360"/>
            </a:xfrm>
            <a:custGeom>
              <a:avLst/>
              <a:gdLst/>
              <a:ahLst/>
              <a:cxnLst/>
              <a:rect l="l" t="t" r="r" b="b"/>
              <a:pathLst>
                <a:path w="3020695" h="340360">
                  <a:moveTo>
                    <a:pt x="3020567" y="0"/>
                  </a:moveTo>
                  <a:lnTo>
                    <a:pt x="0" y="0"/>
                  </a:lnTo>
                  <a:lnTo>
                    <a:pt x="0" y="339851"/>
                  </a:lnTo>
                  <a:lnTo>
                    <a:pt x="3020567" y="339851"/>
                  </a:lnTo>
                  <a:lnTo>
                    <a:pt x="3020567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1" name="object 21"/>
          <p:cNvSpPr txBox="1"/>
          <p:nvPr/>
        </p:nvSpPr>
        <p:spPr>
          <a:xfrm>
            <a:off x="4949190" y="4037838"/>
            <a:ext cx="3020695" cy="36703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281940">
              <a:lnSpc>
                <a:spcPts val="2095"/>
              </a:lnSpc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Synchronous</a:t>
            </a:r>
            <a:r>
              <a:rPr sz="1800" spc="-4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Data</a:t>
            </a:r>
            <a:r>
              <a:rPr sz="1800" spc="-5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FFFFFF"/>
                </a:solidFill>
                <a:latin typeface="Times New Roman"/>
                <a:cs typeface="Times New Roman"/>
              </a:rPr>
              <a:t>Transf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22" name="object 22"/>
          <p:cNvSpPr/>
          <p:nvPr/>
        </p:nvSpPr>
        <p:spPr>
          <a:xfrm>
            <a:off x="1614677" y="4033265"/>
            <a:ext cx="2929255" cy="382905"/>
          </a:xfrm>
          <a:custGeom>
            <a:avLst/>
            <a:gdLst/>
            <a:ahLst/>
            <a:cxnLst/>
            <a:rect l="l" t="t" r="r" b="b"/>
            <a:pathLst>
              <a:path w="2929254" h="382904">
                <a:moveTo>
                  <a:pt x="2929128" y="0"/>
                </a:moveTo>
                <a:lnTo>
                  <a:pt x="0" y="0"/>
                </a:lnTo>
                <a:lnTo>
                  <a:pt x="0" y="382524"/>
                </a:lnTo>
                <a:lnTo>
                  <a:pt x="2929128" y="382524"/>
                </a:lnTo>
                <a:lnTo>
                  <a:pt x="2929128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3" name="object 23"/>
          <p:cNvSpPr txBox="1"/>
          <p:nvPr/>
        </p:nvSpPr>
        <p:spPr>
          <a:xfrm>
            <a:off x="1614677" y="4037838"/>
            <a:ext cx="2929255" cy="36703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154305">
              <a:lnSpc>
                <a:spcPts val="2130"/>
              </a:lnSpc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Asynchronous</a:t>
            </a:r>
            <a:r>
              <a:rPr sz="1800" spc="-2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FFFFFF"/>
                </a:solidFill>
                <a:latin typeface="Times New Roman"/>
                <a:cs typeface="Times New Roman"/>
              </a:rPr>
              <a:t>Data</a:t>
            </a:r>
            <a:r>
              <a:rPr sz="1800" spc="-4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FFFFFF"/>
                </a:solidFill>
                <a:latin typeface="Times New Roman"/>
                <a:cs typeface="Times New Roman"/>
              </a:rPr>
              <a:t>Transf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24" name="object 24"/>
          <p:cNvSpPr txBox="1"/>
          <p:nvPr/>
        </p:nvSpPr>
        <p:spPr>
          <a:xfrm>
            <a:off x="4161282" y="4933950"/>
            <a:ext cx="1809114" cy="340360"/>
          </a:xfrm>
          <a:prstGeom prst="rect">
            <a:avLst/>
          </a:prstGeom>
          <a:solidFill>
            <a:srgbClr val="B83C68"/>
          </a:solidFill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326390">
              <a:lnSpc>
                <a:spcPts val="1910"/>
              </a:lnSpc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Handshaking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25" name="object 25"/>
          <p:cNvSpPr/>
          <p:nvPr/>
        </p:nvSpPr>
        <p:spPr>
          <a:xfrm>
            <a:off x="1148333" y="4953761"/>
            <a:ext cx="1744980" cy="340360"/>
          </a:xfrm>
          <a:custGeom>
            <a:avLst/>
            <a:gdLst/>
            <a:ahLst/>
            <a:cxnLst/>
            <a:rect l="l" t="t" r="r" b="b"/>
            <a:pathLst>
              <a:path w="1744980" h="340360">
                <a:moveTo>
                  <a:pt x="1744979" y="0"/>
                </a:moveTo>
                <a:lnTo>
                  <a:pt x="0" y="0"/>
                </a:lnTo>
                <a:lnTo>
                  <a:pt x="0" y="339851"/>
                </a:lnTo>
                <a:lnTo>
                  <a:pt x="1744979" y="339851"/>
                </a:lnTo>
                <a:lnTo>
                  <a:pt x="1744979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6" name="object 26"/>
          <p:cNvSpPr txBox="1"/>
          <p:nvPr/>
        </p:nvSpPr>
        <p:spPr>
          <a:xfrm>
            <a:off x="1148333" y="4933950"/>
            <a:ext cx="1744980" cy="340360"/>
          </a:xfrm>
          <a:prstGeom prst="rect">
            <a:avLst/>
          </a:prstGeom>
          <a:ln w="19049">
            <a:solidFill>
              <a:srgbClr val="852A49"/>
            </a:solidFill>
          </a:ln>
        </p:spPr>
        <p:txBody>
          <a:bodyPr vert="horz" wrap="square" lIns="0" tIns="79375" rIns="0" bIns="0" rtlCol="0">
            <a:spAutoFit/>
          </a:bodyPr>
          <a:lstStyle/>
          <a:p>
            <a:pPr marL="253365">
              <a:lnSpc>
                <a:spcPct val="100000"/>
              </a:lnSpc>
              <a:spcBef>
                <a:spcPts val="625"/>
              </a:spcBef>
            </a:pP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Strobe</a:t>
            </a:r>
            <a:r>
              <a:rPr sz="1400" spc="-7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400" dirty="0">
                <a:solidFill>
                  <a:srgbClr val="FFFFFF"/>
                </a:solidFill>
                <a:latin typeface="Times New Roman"/>
                <a:cs typeface="Times New Roman"/>
              </a:rPr>
              <a:t>Controlled</a:t>
            </a:r>
            <a:endParaRPr sz="1400">
              <a:latin typeface="Times New Roman"/>
              <a:cs typeface="Times New Roman"/>
            </a:endParaRPr>
          </a:p>
        </p:txBody>
      </p:sp>
      <p:sp>
        <p:nvSpPr>
          <p:cNvPr id="27" name="object 27"/>
          <p:cNvSpPr/>
          <p:nvPr/>
        </p:nvSpPr>
        <p:spPr>
          <a:xfrm>
            <a:off x="2647950" y="5863590"/>
            <a:ext cx="2200910" cy="338455"/>
          </a:xfrm>
          <a:custGeom>
            <a:avLst/>
            <a:gdLst/>
            <a:ahLst/>
            <a:cxnLst/>
            <a:rect l="l" t="t" r="r" b="b"/>
            <a:pathLst>
              <a:path w="2200910" h="338454">
                <a:moveTo>
                  <a:pt x="2200655" y="0"/>
                </a:moveTo>
                <a:lnTo>
                  <a:pt x="0" y="0"/>
                </a:lnTo>
                <a:lnTo>
                  <a:pt x="0" y="338328"/>
                </a:lnTo>
                <a:lnTo>
                  <a:pt x="2200655" y="338328"/>
                </a:lnTo>
                <a:lnTo>
                  <a:pt x="2200655" y="0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8" name="object 28"/>
          <p:cNvSpPr txBox="1"/>
          <p:nvPr/>
        </p:nvSpPr>
        <p:spPr>
          <a:xfrm>
            <a:off x="2647950" y="5877305"/>
            <a:ext cx="2200910" cy="326390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 marL="363220">
              <a:lnSpc>
                <a:spcPts val="1820"/>
              </a:lnSpc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Destination</a:t>
            </a:r>
            <a:r>
              <a:rPr sz="1600" spc="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Initiated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29" name="object 29"/>
          <p:cNvSpPr txBox="1"/>
          <p:nvPr/>
        </p:nvSpPr>
        <p:spPr>
          <a:xfrm>
            <a:off x="741426" y="5877305"/>
            <a:ext cx="1610995" cy="339090"/>
          </a:xfrm>
          <a:prstGeom prst="rect">
            <a:avLst/>
          </a:prstGeom>
          <a:solidFill>
            <a:srgbClr val="B83C68"/>
          </a:solidFill>
          <a:ln w="19050">
            <a:solidFill>
              <a:srgbClr val="852A49"/>
            </a:solidFill>
          </a:ln>
        </p:spPr>
        <p:txBody>
          <a:bodyPr vert="horz" wrap="square" lIns="0" tIns="24765" rIns="0" bIns="0" rtlCol="0">
            <a:spAutoFit/>
          </a:bodyPr>
          <a:lstStyle/>
          <a:p>
            <a:pPr marL="163830">
              <a:lnSpc>
                <a:spcPct val="100000"/>
              </a:lnSpc>
              <a:spcBef>
                <a:spcPts val="195"/>
              </a:spcBef>
            </a:pP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Source</a:t>
            </a:r>
            <a:r>
              <a:rPr sz="1600" spc="-3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Initiated</a:t>
            </a:r>
            <a:endParaRPr sz="1600">
              <a:latin typeface="Times New Roman"/>
              <a:cs typeface="Times New Roman"/>
            </a:endParaRPr>
          </a:p>
        </p:txBody>
      </p:sp>
      <p:grpSp>
        <p:nvGrpSpPr>
          <p:cNvPr id="30" name="object 30"/>
          <p:cNvGrpSpPr/>
          <p:nvPr/>
        </p:nvGrpSpPr>
        <p:grpSpPr>
          <a:xfrm>
            <a:off x="1379600" y="3476625"/>
            <a:ext cx="9785350" cy="2404110"/>
            <a:chOff x="1379600" y="3476625"/>
            <a:chExt cx="9785350" cy="2404110"/>
          </a:xfrm>
        </p:grpSpPr>
        <p:sp>
          <p:nvSpPr>
            <p:cNvPr id="31" name="object 31"/>
            <p:cNvSpPr/>
            <p:nvPr/>
          </p:nvSpPr>
          <p:spPr>
            <a:xfrm>
              <a:off x="2084069" y="3486150"/>
              <a:ext cx="7827009" cy="1459865"/>
            </a:xfrm>
            <a:custGeom>
              <a:avLst/>
              <a:gdLst/>
              <a:ahLst/>
              <a:cxnLst/>
              <a:rect l="l" t="t" r="r" b="b"/>
              <a:pathLst>
                <a:path w="7827009" h="1459864">
                  <a:moveTo>
                    <a:pt x="2698622" y="0"/>
                  </a:moveTo>
                  <a:lnTo>
                    <a:pt x="2694432" y="274066"/>
                  </a:lnTo>
                </a:path>
                <a:path w="7827009" h="1459864">
                  <a:moveTo>
                    <a:pt x="1002792" y="284988"/>
                  </a:moveTo>
                  <a:lnTo>
                    <a:pt x="4214622" y="284988"/>
                  </a:lnTo>
                </a:path>
                <a:path w="7827009" h="1459864">
                  <a:moveTo>
                    <a:pt x="1010031" y="288036"/>
                  </a:moveTo>
                  <a:lnTo>
                    <a:pt x="1005840" y="562101"/>
                  </a:lnTo>
                </a:path>
                <a:path w="7827009" h="1459864">
                  <a:moveTo>
                    <a:pt x="4218051" y="278892"/>
                  </a:moveTo>
                  <a:lnTo>
                    <a:pt x="4213859" y="552957"/>
                  </a:lnTo>
                </a:path>
                <a:path w="7827009" h="1459864">
                  <a:moveTo>
                    <a:pt x="6096" y="1178052"/>
                  </a:moveTo>
                  <a:lnTo>
                    <a:pt x="2988437" y="1178052"/>
                  </a:lnTo>
                </a:path>
                <a:path w="7827009" h="1459864">
                  <a:moveTo>
                    <a:pt x="4818887" y="358139"/>
                  </a:moveTo>
                  <a:lnTo>
                    <a:pt x="7826756" y="374142"/>
                  </a:lnTo>
                </a:path>
                <a:path w="7827009" h="1459864">
                  <a:moveTo>
                    <a:pt x="6849999" y="70103"/>
                  </a:moveTo>
                  <a:lnTo>
                    <a:pt x="6845808" y="344169"/>
                  </a:lnTo>
                </a:path>
                <a:path w="7827009" h="1459864">
                  <a:moveTo>
                    <a:pt x="7819262" y="368807"/>
                  </a:moveTo>
                  <a:lnTo>
                    <a:pt x="7815072" y="642874"/>
                  </a:lnTo>
                </a:path>
                <a:path w="7827009" h="1459864">
                  <a:moveTo>
                    <a:pt x="4823079" y="350519"/>
                  </a:moveTo>
                  <a:lnTo>
                    <a:pt x="4818887" y="624586"/>
                  </a:lnTo>
                </a:path>
                <a:path w="7827009" h="1459864">
                  <a:moveTo>
                    <a:pt x="1025271" y="905256"/>
                  </a:moveTo>
                  <a:lnTo>
                    <a:pt x="1021080" y="1179322"/>
                  </a:lnTo>
                </a:path>
                <a:path w="7827009" h="1459864">
                  <a:moveTo>
                    <a:pt x="2988564" y="1181100"/>
                  </a:moveTo>
                  <a:lnTo>
                    <a:pt x="2988564" y="1419987"/>
                  </a:lnTo>
                </a:path>
                <a:path w="7827009" h="1459864">
                  <a:moveTo>
                    <a:pt x="4191" y="1185672"/>
                  </a:moveTo>
                  <a:lnTo>
                    <a:pt x="0" y="1459738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32" name="object 32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2086355" y="5297423"/>
              <a:ext cx="24383" cy="298703"/>
            </a:xfrm>
            <a:prstGeom prst="rect">
              <a:avLst/>
            </a:prstGeom>
          </p:spPr>
        </p:pic>
        <p:sp>
          <p:nvSpPr>
            <p:cNvPr id="33" name="object 33"/>
            <p:cNvSpPr/>
            <p:nvPr/>
          </p:nvSpPr>
          <p:spPr>
            <a:xfrm>
              <a:off x="1389125" y="5569457"/>
              <a:ext cx="2066925" cy="301625"/>
            </a:xfrm>
            <a:custGeom>
              <a:avLst/>
              <a:gdLst/>
              <a:ahLst/>
              <a:cxnLst/>
              <a:rect l="l" t="t" r="r" b="b"/>
              <a:pathLst>
                <a:path w="2066925" h="301625">
                  <a:moveTo>
                    <a:pt x="4190" y="27431"/>
                  </a:moveTo>
                  <a:lnTo>
                    <a:pt x="0" y="301523"/>
                  </a:lnTo>
                </a:path>
                <a:path w="2066925" h="301625">
                  <a:moveTo>
                    <a:pt x="2066163" y="0"/>
                  </a:moveTo>
                  <a:lnTo>
                    <a:pt x="2061972" y="274091"/>
                  </a:lnTo>
                </a:path>
                <a:path w="2066925" h="301625">
                  <a:moveTo>
                    <a:pt x="3048" y="22148"/>
                  </a:moveTo>
                  <a:lnTo>
                    <a:pt x="2066416" y="1523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4" name="object 34"/>
            <p:cNvSpPr/>
            <p:nvPr/>
          </p:nvSpPr>
          <p:spPr>
            <a:xfrm>
              <a:off x="8375142" y="4046981"/>
              <a:ext cx="2780030" cy="382905"/>
            </a:xfrm>
            <a:custGeom>
              <a:avLst/>
              <a:gdLst/>
              <a:ahLst/>
              <a:cxnLst/>
              <a:rect l="l" t="t" r="r" b="b"/>
              <a:pathLst>
                <a:path w="2780029" h="382904">
                  <a:moveTo>
                    <a:pt x="2779776" y="0"/>
                  </a:moveTo>
                  <a:lnTo>
                    <a:pt x="0" y="0"/>
                  </a:lnTo>
                  <a:lnTo>
                    <a:pt x="0" y="382524"/>
                  </a:lnTo>
                  <a:lnTo>
                    <a:pt x="2779776" y="382524"/>
                  </a:lnTo>
                  <a:lnTo>
                    <a:pt x="2779776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35" name="object 35"/>
            <p:cNvSpPr/>
            <p:nvPr/>
          </p:nvSpPr>
          <p:spPr>
            <a:xfrm>
              <a:off x="8375142" y="4046981"/>
              <a:ext cx="2780030" cy="382905"/>
            </a:xfrm>
            <a:custGeom>
              <a:avLst/>
              <a:gdLst/>
              <a:ahLst/>
              <a:cxnLst/>
              <a:rect l="l" t="t" r="r" b="b"/>
              <a:pathLst>
                <a:path w="2780029" h="382904">
                  <a:moveTo>
                    <a:pt x="0" y="382524"/>
                  </a:moveTo>
                  <a:lnTo>
                    <a:pt x="2779776" y="382524"/>
                  </a:lnTo>
                  <a:lnTo>
                    <a:pt x="2779776" y="0"/>
                  </a:lnTo>
                  <a:lnTo>
                    <a:pt x="0" y="0"/>
                  </a:lnTo>
                  <a:lnTo>
                    <a:pt x="0" y="382524"/>
                  </a:lnTo>
                  <a:close/>
                </a:path>
              </a:pathLst>
            </a:custGeom>
            <a:ln w="1905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6" name="object 36"/>
          <p:cNvSpPr txBox="1"/>
          <p:nvPr/>
        </p:nvSpPr>
        <p:spPr>
          <a:xfrm>
            <a:off x="8447023" y="4034790"/>
            <a:ext cx="265493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Asynchronous</a:t>
            </a:r>
            <a:r>
              <a:rPr sz="1800" spc="-60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FFFFFF"/>
                </a:solidFill>
                <a:latin typeface="Times New Roman"/>
                <a:cs typeface="Times New Roman"/>
              </a:rPr>
              <a:t>Data</a:t>
            </a:r>
            <a:r>
              <a:rPr sz="1800" spc="-6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FFFFFF"/>
                </a:solidFill>
                <a:latin typeface="Times New Roman"/>
                <a:cs typeface="Times New Roman"/>
              </a:rPr>
              <a:t>Transf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37" name="object 37"/>
          <p:cNvSpPr txBox="1"/>
          <p:nvPr/>
        </p:nvSpPr>
        <p:spPr>
          <a:xfrm>
            <a:off x="5263134" y="5877305"/>
            <a:ext cx="1626870" cy="339090"/>
          </a:xfrm>
          <a:prstGeom prst="rect">
            <a:avLst/>
          </a:prstGeom>
          <a:solidFill>
            <a:srgbClr val="B83C68"/>
          </a:solidFill>
          <a:ln w="19050">
            <a:solidFill>
              <a:srgbClr val="852A49"/>
            </a:solidFill>
          </a:ln>
        </p:spPr>
        <p:txBody>
          <a:bodyPr vert="horz" wrap="square" lIns="0" tIns="635" rIns="0" bIns="0" rtlCol="0">
            <a:spAutoFit/>
          </a:bodyPr>
          <a:lstStyle/>
          <a:p>
            <a:pPr marL="164465">
              <a:lnSpc>
                <a:spcPct val="100000"/>
              </a:lnSpc>
              <a:spcBef>
                <a:spcPts val="5"/>
              </a:spcBef>
            </a:pPr>
            <a:r>
              <a:rPr sz="1600" dirty="0">
                <a:solidFill>
                  <a:srgbClr val="FFFFFF"/>
                </a:solidFill>
                <a:latin typeface="Times New Roman"/>
                <a:cs typeface="Times New Roman"/>
              </a:rPr>
              <a:t>Source</a:t>
            </a:r>
            <a:r>
              <a:rPr sz="1600" spc="-25" dirty="0">
                <a:solidFill>
                  <a:srgbClr val="FFFFFF"/>
                </a:solidFill>
                <a:latin typeface="Times New Roman"/>
                <a:cs typeface="Times New Roman"/>
              </a:rPr>
              <a:t> </a:t>
            </a:r>
            <a:r>
              <a:rPr sz="1600" spc="-5" dirty="0">
                <a:solidFill>
                  <a:srgbClr val="FFFFFF"/>
                </a:solidFill>
                <a:latin typeface="Times New Roman"/>
                <a:cs typeface="Times New Roman"/>
              </a:rPr>
              <a:t>Initiated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39" name="object 39"/>
          <p:cNvSpPr/>
          <p:nvPr/>
        </p:nvSpPr>
        <p:spPr>
          <a:xfrm>
            <a:off x="4965700" y="6083724"/>
            <a:ext cx="2080260" cy="641350"/>
          </a:xfrm>
          <a:custGeom>
            <a:avLst/>
            <a:gdLst/>
            <a:ahLst/>
            <a:cxnLst/>
            <a:rect l="l" t="t" r="r" b="b"/>
            <a:pathLst>
              <a:path w="2080260" h="641350">
                <a:moveTo>
                  <a:pt x="0" y="336804"/>
                </a:moveTo>
                <a:lnTo>
                  <a:pt x="0" y="641032"/>
                </a:lnTo>
              </a:path>
              <a:path w="2080260" h="641350">
                <a:moveTo>
                  <a:pt x="2079878" y="327660"/>
                </a:moveTo>
                <a:lnTo>
                  <a:pt x="2075688" y="601751"/>
                </a:lnTo>
              </a:path>
              <a:path w="2080260" h="641350">
                <a:moveTo>
                  <a:pt x="13715" y="346760"/>
                </a:moveTo>
                <a:lnTo>
                  <a:pt x="2077084" y="326136"/>
                </a:lnTo>
              </a:path>
              <a:path w="2080260" h="641350">
                <a:moveTo>
                  <a:pt x="1054607" y="0"/>
                </a:moveTo>
                <a:lnTo>
                  <a:pt x="1054607" y="344538"/>
                </a:lnTo>
              </a:path>
            </a:pathLst>
          </a:custGeom>
          <a:ln w="19050">
            <a:solidFill>
              <a:srgbClr val="B83C68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object 2"/>
          <p:cNvGraphicFramePr>
            <a:graphicFrameLocks noGrp="1"/>
          </p:cNvGraphicFramePr>
          <p:nvPr/>
        </p:nvGraphicFramePr>
        <p:xfrm>
          <a:off x="917883" y="1144618"/>
          <a:ext cx="10018394" cy="4414987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5027930"/>
                <a:gridCol w="4990464"/>
              </a:tblGrid>
              <a:tr h="439237">
                <a:tc>
                  <a:txBody>
                    <a:bodyPr/>
                    <a:lstStyle/>
                    <a:p>
                      <a:pPr algn="ctr">
                        <a:lnSpc>
                          <a:spcPts val="2090"/>
                        </a:lnSpc>
                      </a:pPr>
                      <a:r>
                        <a:rPr sz="1800" b="1" spc="380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Parallel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ts val="2090"/>
                        </a:lnSpc>
                      </a:pPr>
                      <a:r>
                        <a:rPr sz="1800" b="1" spc="380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Serial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956219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1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90" dirty="0">
                          <a:latin typeface="Times New Roman" pitchFamily="18" charset="0"/>
                          <a:cs typeface="Times New Roman" pitchFamily="18" charset="0"/>
                        </a:rPr>
                        <a:t>Each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70" dirty="0">
                          <a:latin typeface="Times New Roman" pitchFamily="18" charset="0"/>
                          <a:cs typeface="Times New Roman" pitchFamily="18" charset="0"/>
                        </a:rPr>
                        <a:t>bit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40" dirty="0">
                          <a:latin typeface="Times New Roman" pitchFamily="18" charset="0"/>
                          <a:cs typeface="Times New Roman" pitchFamily="18" charset="0"/>
                        </a:rPr>
                        <a:t>has</a:t>
                      </a:r>
                      <a:r>
                        <a:rPr sz="14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29" dirty="0">
                          <a:latin typeface="Times New Roman" pitchFamily="18" charset="0"/>
                          <a:cs typeface="Times New Roman" pitchFamily="18" charset="0"/>
                        </a:rPr>
                        <a:t>its</a:t>
                      </a:r>
                      <a:r>
                        <a:rPr sz="1400" b="1" spc="16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420" dirty="0">
                          <a:latin typeface="Times New Roman" pitchFamily="18" charset="0"/>
                          <a:cs typeface="Times New Roman" pitchFamily="18" charset="0"/>
                        </a:rPr>
                        <a:t>own</a:t>
                      </a:r>
                      <a:r>
                        <a:rPr sz="1400" b="1" spc="15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45" dirty="0">
                          <a:latin typeface="Times New Roman" pitchFamily="18" charset="0"/>
                          <a:cs typeface="Times New Roman" pitchFamily="18" charset="0"/>
                        </a:rPr>
                        <a:t>path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595" dirty="0">
                          <a:latin typeface="Times New Roman" pitchFamily="18" charset="0"/>
                          <a:cs typeface="Times New Roman" pitchFamily="18" charset="0"/>
                        </a:rPr>
                        <a:t>&amp;</a:t>
                      </a:r>
                      <a:r>
                        <a:rPr sz="14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65" dirty="0">
                          <a:latin typeface="Times New Roman" pitchFamily="18" charset="0"/>
                          <a:cs typeface="Times New Roman" pitchFamily="18" charset="0"/>
                        </a:rPr>
                        <a:t>total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535305" marR="527050">
                        <a:lnSpc>
                          <a:spcPts val="2430"/>
                        </a:lnSpc>
                        <a:spcBef>
                          <a:spcPts val="165"/>
                        </a:spcBef>
                      </a:pPr>
                      <a:r>
                        <a:rPr sz="1400" b="1" spc="355" dirty="0">
                          <a:latin typeface="Times New Roman" pitchFamily="18" charset="0"/>
                          <a:cs typeface="Times New Roman" pitchFamily="18" charset="0"/>
                        </a:rPr>
                        <a:t>message</a:t>
                      </a:r>
                      <a:r>
                        <a:rPr sz="14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ted</a:t>
                      </a:r>
                      <a:r>
                        <a:rPr sz="14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95" dirty="0">
                          <a:latin typeface="Times New Roman" pitchFamily="18" charset="0"/>
                          <a:cs typeface="Times New Roman" pitchFamily="18" charset="0"/>
                        </a:rPr>
                        <a:t>at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15" dirty="0">
                          <a:latin typeface="Times New Roman" pitchFamily="18" charset="0"/>
                          <a:cs typeface="Times New Roman" pitchFamily="18" charset="0"/>
                        </a:rPr>
                        <a:t>the</a:t>
                      </a:r>
                      <a:r>
                        <a:rPr sz="14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85" dirty="0">
                          <a:latin typeface="Times New Roman" pitchFamily="18" charset="0"/>
                          <a:cs typeface="Times New Roman" pitchFamily="18" charset="0"/>
                        </a:rPr>
                        <a:t>same </a:t>
                      </a:r>
                      <a:r>
                        <a:rPr sz="1400" b="1" spc="-33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05" dirty="0">
                          <a:latin typeface="Times New Roman" pitchFamily="18" charset="0"/>
                          <a:cs typeface="Times New Roman" pitchFamily="18" charset="0"/>
                        </a:rPr>
                        <a:t>time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1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90" dirty="0">
                          <a:latin typeface="Times New Roman" pitchFamily="18" charset="0"/>
                          <a:cs typeface="Times New Roman" pitchFamily="18" charset="0"/>
                        </a:rPr>
                        <a:t>Each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70" dirty="0">
                          <a:latin typeface="Times New Roman" pitchFamily="18" charset="0"/>
                          <a:cs typeface="Times New Roman" pitchFamily="18" charset="0"/>
                        </a:rPr>
                        <a:t>bit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95" dirty="0">
                          <a:latin typeface="Times New Roman" pitchFamily="18" charset="0"/>
                          <a:cs typeface="Times New Roman" pitchFamily="18" charset="0"/>
                        </a:rPr>
                        <a:t>in</a:t>
                      </a:r>
                      <a:r>
                        <a:rPr sz="14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10" dirty="0">
                          <a:latin typeface="Times New Roman" pitchFamily="18" charset="0"/>
                          <a:cs typeface="Times New Roman" pitchFamily="18" charset="0"/>
                        </a:rPr>
                        <a:t>the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50" dirty="0">
                          <a:latin typeface="Times New Roman" pitchFamily="18" charset="0"/>
                          <a:cs typeface="Times New Roman" pitchFamily="18" charset="0"/>
                        </a:rPr>
                        <a:t>message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4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ted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445770">
                        <a:lnSpc>
                          <a:spcPct val="100000"/>
                        </a:lnSpc>
                        <a:spcBef>
                          <a:spcPts val="705"/>
                        </a:spcBef>
                      </a:pPr>
                      <a:r>
                        <a:rPr sz="1400" b="1" spc="300" dirty="0">
                          <a:latin typeface="Times New Roman" pitchFamily="18" charset="0"/>
                          <a:cs typeface="Times New Roman" pitchFamily="18" charset="0"/>
                        </a:rPr>
                        <a:t>in</a:t>
                      </a:r>
                      <a:r>
                        <a:rPr sz="1400" b="1" spc="16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40" dirty="0">
                          <a:latin typeface="Times New Roman" pitchFamily="18" charset="0"/>
                          <a:cs typeface="Times New Roman" pitchFamily="18" charset="0"/>
                        </a:rPr>
                        <a:t>sequence</a:t>
                      </a:r>
                      <a:r>
                        <a:rPr sz="14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60" dirty="0">
                          <a:latin typeface="Times New Roman" pitchFamily="18" charset="0"/>
                          <a:cs typeface="Times New Roman" pitchFamily="18" charset="0"/>
                        </a:rPr>
                        <a:t>one</a:t>
                      </a:r>
                      <a:r>
                        <a:rPr sz="14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00" dirty="0">
                          <a:latin typeface="Times New Roman" pitchFamily="18" charset="0"/>
                          <a:cs typeface="Times New Roman" pitchFamily="18" charset="0"/>
                        </a:rPr>
                        <a:t>at</a:t>
                      </a:r>
                      <a:r>
                        <a:rPr sz="14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55" dirty="0">
                          <a:latin typeface="Times New Roman" pitchFamily="18" charset="0"/>
                          <a:cs typeface="Times New Roman" pitchFamily="18" charset="0"/>
                        </a:rPr>
                        <a:t>a</a:t>
                      </a:r>
                      <a:r>
                        <a:rPr sz="14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05" dirty="0">
                          <a:latin typeface="Times New Roman" pitchFamily="18" charset="0"/>
                          <a:cs typeface="Times New Roman" pitchFamily="18" charset="0"/>
                        </a:rPr>
                        <a:t>time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647922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2.</a:t>
                      </a:r>
                      <a:r>
                        <a:rPr sz="1600" b="1" spc="50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41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400" b="1" spc="19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70" dirty="0">
                          <a:latin typeface="Times New Roman" pitchFamily="18" charset="0"/>
                          <a:cs typeface="Times New Roman" pitchFamily="18" charset="0"/>
                        </a:rPr>
                        <a:t>n-bit,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15" dirty="0">
                          <a:latin typeface="Times New Roman" pitchFamily="18" charset="0"/>
                          <a:cs typeface="Times New Roman" pitchFamily="18" charset="0"/>
                        </a:rPr>
                        <a:t>n-separate</a:t>
                      </a:r>
                      <a:r>
                        <a:rPr sz="14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0" dirty="0">
                          <a:latin typeface="Times New Roman" pitchFamily="18" charset="0"/>
                          <a:cs typeface="Times New Roman" pitchFamily="18" charset="0"/>
                        </a:rPr>
                        <a:t>wires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535305">
                        <a:lnSpc>
                          <a:spcPct val="100000"/>
                        </a:lnSpc>
                        <a:spcBef>
                          <a:spcPts val="705"/>
                        </a:spcBef>
                      </a:pPr>
                      <a:r>
                        <a:rPr sz="1400" b="1" spc="330" dirty="0">
                          <a:latin typeface="Times New Roman" pitchFamily="18" charset="0"/>
                          <a:cs typeface="Times New Roman" pitchFamily="18" charset="0"/>
                        </a:rPr>
                        <a:t>are</a:t>
                      </a:r>
                      <a:r>
                        <a:rPr sz="1400" b="1" spc="13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10" dirty="0">
                          <a:latin typeface="Times New Roman" pitchFamily="18" charset="0"/>
                          <a:cs typeface="Times New Roman" pitchFamily="18" charset="0"/>
                        </a:rPr>
                        <a:t>used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2.</a:t>
                      </a:r>
                      <a:r>
                        <a:rPr sz="1600" b="1" spc="4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95" dirty="0">
                          <a:latin typeface="Times New Roman" pitchFamily="18" charset="0"/>
                          <a:cs typeface="Times New Roman" pitchFamily="18" charset="0"/>
                        </a:rPr>
                        <a:t>n-bit</a:t>
                      </a:r>
                      <a:r>
                        <a:rPr sz="14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40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ted</a:t>
                      </a:r>
                      <a:r>
                        <a:rPr sz="14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50" dirty="0">
                          <a:latin typeface="Times New Roman" pitchFamily="18" charset="0"/>
                          <a:cs typeface="Times New Roman" pitchFamily="18" charset="0"/>
                        </a:rPr>
                        <a:t>through</a:t>
                      </a:r>
                      <a:r>
                        <a:rPr sz="14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60" dirty="0">
                          <a:latin typeface="Times New Roman" pitchFamily="18" charset="0"/>
                          <a:cs typeface="Times New Roman" pitchFamily="18" charset="0"/>
                        </a:rPr>
                        <a:t>one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05" dirty="0">
                          <a:latin typeface="Times New Roman" pitchFamily="18" charset="0"/>
                          <a:cs typeface="Times New Roman" pitchFamily="18" charset="0"/>
                        </a:rPr>
                        <a:t>wire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649073">
                <a:tc>
                  <a:txBody>
                    <a:bodyPr/>
                    <a:lstStyle/>
                    <a:p>
                      <a:pPr marL="190500">
                        <a:lnSpc>
                          <a:spcPts val="1864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3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40" dirty="0">
                          <a:latin typeface="Times New Roman" pitchFamily="18" charset="0"/>
                          <a:cs typeface="Times New Roman" pitchFamily="18" charset="0"/>
                        </a:rPr>
                        <a:t>Expensive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60" dirty="0">
                          <a:latin typeface="Times New Roman" pitchFamily="18" charset="0"/>
                          <a:cs typeface="Times New Roman" pitchFamily="18" charset="0"/>
                        </a:rPr>
                        <a:t>due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9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15" dirty="0">
                          <a:latin typeface="Times New Roman" pitchFamily="18" charset="0"/>
                          <a:cs typeface="Times New Roman" pitchFamily="18" charset="0"/>
                        </a:rPr>
                        <a:t>multiple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80" dirty="0">
                          <a:latin typeface="Times New Roman" pitchFamily="18" charset="0"/>
                          <a:cs typeface="Times New Roman" pitchFamily="18" charset="0"/>
                        </a:rPr>
                        <a:t>numbers</a:t>
                      </a:r>
                      <a:r>
                        <a:rPr sz="1400" b="1" spc="15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00" dirty="0">
                          <a:latin typeface="Times New Roman" pitchFamily="18" charset="0"/>
                          <a:cs typeface="Times New Roman" pitchFamily="18" charset="0"/>
                        </a:rPr>
                        <a:t>of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535305">
                        <a:lnSpc>
                          <a:spcPct val="100000"/>
                        </a:lnSpc>
                        <a:spcBef>
                          <a:spcPts val="695"/>
                        </a:spcBef>
                      </a:pPr>
                      <a:r>
                        <a:rPr sz="1400" b="1" spc="325" dirty="0">
                          <a:latin typeface="Times New Roman" pitchFamily="18" charset="0"/>
                          <a:cs typeface="Times New Roman" pitchFamily="18" charset="0"/>
                        </a:rPr>
                        <a:t>wires</a:t>
                      </a:r>
                      <a:r>
                        <a:rPr sz="14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30" dirty="0">
                          <a:latin typeface="Times New Roman" pitchFamily="18" charset="0"/>
                          <a:cs typeface="Times New Roman" pitchFamily="18" charset="0"/>
                        </a:rPr>
                        <a:t>are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40" dirty="0">
                          <a:latin typeface="Times New Roman" pitchFamily="18" charset="0"/>
                          <a:cs typeface="Times New Roman" pitchFamily="18" charset="0"/>
                        </a:rPr>
                        <a:t>used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8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05" dirty="0">
                          <a:latin typeface="Times New Roman" pitchFamily="18" charset="0"/>
                          <a:cs typeface="Times New Roman" pitchFamily="18" charset="0"/>
                        </a:rPr>
                        <a:t>transmit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64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3.</a:t>
                      </a:r>
                      <a:r>
                        <a:rPr sz="1600" b="1" spc="484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5" dirty="0">
                          <a:latin typeface="Times New Roman" pitchFamily="18" charset="0"/>
                          <a:cs typeface="Times New Roman" pitchFamily="18" charset="0"/>
                        </a:rPr>
                        <a:t>Inexpensive</a:t>
                      </a:r>
                      <a:r>
                        <a:rPr sz="14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0" dirty="0">
                          <a:latin typeface="Times New Roman" pitchFamily="18" charset="0"/>
                          <a:cs typeface="Times New Roman" pitchFamily="18" charset="0"/>
                        </a:rPr>
                        <a:t>as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75" dirty="0">
                          <a:latin typeface="Times New Roman" pitchFamily="18" charset="0"/>
                          <a:cs typeface="Times New Roman" pitchFamily="18" charset="0"/>
                        </a:rPr>
                        <a:t>compare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8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90" dirty="0">
                          <a:latin typeface="Times New Roman" pitchFamily="18" charset="0"/>
                          <a:cs typeface="Times New Roman" pitchFamily="18" charset="0"/>
                        </a:rPr>
                        <a:t>parallel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445770">
                        <a:lnSpc>
                          <a:spcPct val="100000"/>
                        </a:lnSpc>
                        <a:spcBef>
                          <a:spcPts val="695"/>
                        </a:spcBef>
                      </a:pPr>
                      <a:r>
                        <a:rPr sz="1400" b="1" spc="340" dirty="0">
                          <a:latin typeface="Times New Roman" pitchFamily="18" charset="0"/>
                          <a:cs typeface="Times New Roman" pitchFamily="18" charset="0"/>
                        </a:rPr>
                        <a:t>because</a:t>
                      </a:r>
                      <a:r>
                        <a:rPr sz="1400" b="1" spc="16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90" dirty="0">
                          <a:latin typeface="Times New Roman" pitchFamily="18" charset="0"/>
                          <a:cs typeface="Times New Roman" pitchFamily="18" charset="0"/>
                        </a:rPr>
                        <a:t>single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35" dirty="0">
                          <a:latin typeface="Times New Roman" pitchFamily="18" charset="0"/>
                          <a:cs typeface="Times New Roman" pitchFamily="18" charset="0"/>
                        </a:rPr>
                        <a:t>wire</a:t>
                      </a:r>
                      <a:r>
                        <a:rPr sz="14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4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45" dirty="0">
                          <a:latin typeface="Times New Roman" pitchFamily="18" charset="0"/>
                          <a:cs typeface="Times New Roman" pitchFamily="18" charset="0"/>
                        </a:rPr>
                        <a:t>used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8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4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05" dirty="0">
                          <a:latin typeface="Times New Roman" pitchFamily="18" charset="0"/>
                          <a:cs typeface="Times New Roman" pitchFamily="18" charset="0"/>
                        </a:rPr>
                        <a:t>transmit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647794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4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65" dirty="0">
                          <a:latin typeface="Times New Roman" pitchFamily="18" charset="0"/>
                          <a:cs typeface="Times New Roman" pitchFamily="18" charset="0"/>
                        </a:rPr>
                        <a:t>Speed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4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85" dirty="0">
                          <a:latin typeface="Times New Roman" pitchFamily="18" charset="0"/>
                          <a:cs typeface="Times New Roman" pitchFamily="18" charset="0"/>
                        </a:rPr>
                        <a:t>faster</a:t>
                      </a:r>
                      <a:r>
                        <a:rPr sz="14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10" dirty="0">
                          <a:latin typeface="Times New Roman" pitchFamily="18" charset="0"/>
                          <a:cs typeface="Times New Roman" pitchFamily="18" charset="0"/>
                        </a:rPr>
                        <a:t>as</a:t>
                      </a:r>
                      <a:r>
                        <a:rPr sz="14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35" dirty="0">
                          <a:latin typeface="Times New Roman" pitchFamily="18" charset="0"/>
                          <a:cs typeface="Times New Roman" pitchFamily="18" charset="0"/>
                        </a:rPr>
                        <a:t>data</a:t>
                      </a:r>
                      <a:r>
                        <a:rPr sz="1400" b="1" spc="19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4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ted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535305">
                        <a:lnSpc>
                          <a:spcPct val="100000"/>
                        </a:lnSpc>
                        <a:spcBef>
                          <a:spcPts val="705"/>
                        </a:spcBef>
                      </a:pPr>
                      <a:r>
                        <a:rPr sz="1400" b="1" spc="350" dirty="0">
                          <a:latin typeface="Times New Roman" pitchFamily="18" charset="0"/>
                          <a:cs typeface="Times New Roman" pitchFamily="18" charset="0"/>
                        </a:rPr>
                        <a:t>through</a:t>
                      </a:r>
                      <a:r>
                        <a:rPr sz="14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10" dirty="0">
                          <a:latin typeface="Times New Roman" pitchFamily="18" charset="0"/>
                          <a:cs typeface="Times New Roman" pitchFamily="18" charset="0"/>
                        </a:rPr>
                        <a:t>multiple</a:t>
                      </a:r>
                      <a:r>
                        <a:rPr sz="1400" b="1" spc="16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95" dirty="0">
                          <a:latin typeface="Times New Roman" pitchFamily="18" charset="0"/>
                          <a:cs typeface="Times New Roman" pitchFamily="18" charset="0"/>
                        </a:rPr>
                        <a:t>wires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4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65" dirty="0">
                          <a:latin typeface="Times New Roman" pitchFamily="18" charset="0"/>
                          <a:cs typeface="Times New Roman" pitchFamily="18" charset="0"/>
                        </a:rPr>
                        <a:t>Speed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4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35" dirty="0">
                          <a:latin typeface="Times New Roman" pitchFamily="18" charset="0"/>
                          <a:cs typeface="Times New Roman" pitchFamily="18" charset="0"/>
                        </a:rPr>
                        <a:t>slow</a:t>
                      </a:r>
                      <a:r>
                        <a:rPr sz="1400" b="1" spc="15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0" dirty="0">
                          <a:latin typeface="Times New Roman" pitchFamily="18" charset="0"/>
                          <a:cs typeface="Times New Roman" pitchFamily="18" charset="0"/>
                        </a:rPr>
                        <a:t>as</a:t>
                      </a:r>
                      <a:r>
                        <a:rPr sz="14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5" dirty="0">
                          <a:latin typeface="Times New Roman" pitchFamily="18" charset="0"/>
                          <a:cs typeface="Times New Roman" pitchFamily="18" charset="0"/>
                        </a:rPr>
                        <a:t>data</a:t>
                      </a:r>
                      <a:r>
                        <a:rPr sz="14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29" dirty="0">
                          <a:latin typeface="Times New Roman" pitchFamily="18" charset="0"/>
                          <a:cs typeface="Times New Roman" pitchFamily="18" charset="0"/>
                        </a:rPr>
                        <a:t>is</a:t>
                      </a:r>
                      <a:r>
                        <a:rPr sz="1400" b="1" spc="18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0" dirty="0">
                          <a:latin typeface="Times New Roman" pitchFamily="18" charset="0"/>
                          <a:cs typeface="Times New Roman" pitchFamily="18" charset="0"/>
                        </a:rPr>
                        <a:t>transmitted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  <a:p>
                      <a:pPr marL="445770">
                        <a:lnSpc>
                          <a:spcPct val="100000"/>
                        </a:lnSpc>
                        <a:spcBef>
                          <a:spcPts val="705"/>
                        </a:spcBef>
                      </a:pPr>
                      <a:r>
                        <a:rPr sz="1400" b="1" spc="350" dirty="0">
                          <a:latin typeface="Times New Roman" pitchFamily="18" charset="0"/>
                          <a:cs typeface="Times New Roman" pitchFamily="18" charset="0"/>
                        </a:rPr>
                        <a:t>through</a:t>
                      </a:r>
                      <a:r>
                        <a:rPr sz="14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85" dirty="0">
                          <a:latin typeface="Times New Roman" pitchFamily="18" charset="0"/>
                          <a:cs typeface="Times New Roman" pitchFamily="18" charset="0"/>
                        </a:rPr>
                        <a:t>single</a:t>
                      </a:r>
                      <a:r>
                        <a:rPr sz="14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05" dirty="0">
                          <a:latin typeface="Times New Roman" pitchFamily="18" charset="0"/>
                          <a:cs typeface="Times New Roman" pitchFamily="18" charset="0"/>
                        </a:rPr>
                        <a:t>wire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339433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5.</a:t>
                      </a:r>
                      <a:r>
                        <a:rPr sz="1600" b="1" spc="49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40" dirty="0">
                          <a:latin typeface="Times New Roman" pitchFamily="18" charset="0"/>
                          <a:cs typeface="Times New Roman" pitchFamily="18" charset="0"/>
                        </a:rPr>
                        <a:t>Quite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60" dirty="0">
                          <a:latin typeface="Times New Roman" pitchFamily="18" charset="0"/>
                          <a:cs typeface="Times New Roman" pitchFamily="18" charset="0"/>
                        </a:rPr>
                        <a:t>difficult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9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60" dirty="0">
                          <a:latin typeface="Times New Roman" pitchFamily="18" charset="0"/>
                          <a:cs typeface="Times New Roman" pitchFamily="18" charset="0"/>
                        </a:rPr>
                        <a:t>upgrade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15" dirty="0">
                          <a:latin typeface="Times New Roman" pitchFamily="18" charset="0"/>
                          <a:cs typeface="Times New Roman" pitchFamily="18" charset="0"/>
                        </a:rPr>
                        <a:t>the</a:t>
                      </a:r>
                      <a:r>
                        <a:rPr sz="14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0" dirty="0">
                          <a:latin typeface="Times New Roman" pitchFamily="18" charset="0"/>
                          <a:cs typeface="Times New Roman" pitchFamily="18" charset="0"/>
                        </a:rPr>
                        <a:t>system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5.</a:t>
                      </a:r>
                      <a:r>
                        <a:rPr sz="1600" b="1" spc="49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70" dirty="0">
                          <a:latin typeface="Times New Roman" pitchFamily="18" charset="0"/>
                          <a:cs typeface="Times New Roman" pitchFamily="18" charset="0"/>
                        </a:rPr>
                        <a:t>Easy</a:t>
                      </a:r>
                      <a:r>
                        <a:rPr sz="14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85" dirty="0">
                          <a:latin typeface="Times New Roman" pitchFamily="18" charset="0"/>
                          <a:cs typeface="Times New Roman" pitchFamily="18" charset="0"/>
                        </a:rPr>
                        <a:t>to</a:t>
                      </a:r>
                      <a:r>
                        <a:rPr sz="1400" b="1" spc="1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55" dirty="0">
                          <a:latin typeface="Times New Roman" pitchFamily="18" charset="0"/>
                          <a:cs typeface="Times New Roman" pitchFamily="18" charset="0"/>
                        </a:rPr>
                        <a:t>upgrade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15" dirty="0">
                          <a:latin typeface="Times New Roman" pitchFamily="18" charset="0"/>
                          <a:cs typeface="Times New Roman" pitchFamily="18" charset="0"/>
                        </a:rPr>
                        <a:t>the</a:t>
                      </a:r>
                      <a:r>
                        <a:rPr sz="14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20" dirty="0">
                          <a:latin typeface="Times New Roman" pitchFamily="18" charset="0"/>
                          <a:cs typeface="Times New Roman" pitchFamily="18" charset="0"/>
                        </a:rPr>
                        <a:t>system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395888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6.</a:t>
                      </a:r>
                      <a:r>
                        <a:rPr sz="1600" b="1" spc="484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10" dirty="0">
                          <a:latin typeface="Times New Roman" pitchFamily="18" charset="0"/>
                          <a:cs typeface="Times New Roman" pitchFamily="18" charset="0"/>
                        </a:rPr>
                        <a:t>Suitable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05" dirty="0">
                          <a:latin typeface="Times New Roman" pitchFamily="18" charset="0"/>
                          <a:cs typeface="Times New Roman" pitchFamily="18" charset="0"/>
                        </a:rPr>
                        <a:t>for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35" dirty="0">
                          <a:latin typeface="Times New Roman" pitchFamily="18" charset="0"/>
                          <a:cs typeface="Times New Roman" pitchFamily="18" charset="0"/>
                        </a:rPr>
                        <a:t>Short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90" dirty="0">
                          <a:latin typeface="Times New Roman" pitchFamily="18" charset="0"/>
                          <a:cs typeface="Times New Roman" pitchFamily="18" charset="0"/>
                        </a:rPr>
                        <a:t>distance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6.</a:t>
                      </a:r>
                      <a:r>
                        <a:rPr sz="1600" b="1" spc="4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10" dirty="0">
                          <a:latin typeface="Times New Roman" pitchFamily="18" charset="0"/>
                          <a:cs typeface="Times New Roman" pitchFamily="18" charset="0"/>
                        </a:rPr>
                        <a:t>Suitable</a:t>
                      </a:r>
                      <a:r>
                        <a:rPr sz="1400" b="1" spc="16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05" dirty="0">
                          <a:latin typeface="Times New Roman" pitchFamily="18" charset="0"/>
                          <a:cs typeface="Times New Roman" pitchFamily="18" charset="0"/>
                        </a:rPr>
                        <a:t>for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85" dirty="0">
                          <a:latin typeface="Times New Roman" pitchFamily="18" charset="0"/>
                          <a:cs typeface="Times New Roman" pitchFamily="18" charset="0"/>
                        </a:rPr>
                        <a:t>Long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295" dirty="0">
                          <a:latin typeface="Times New Roman" pitchFamily="18" charset="0"/>
                          <a:cs typeface="Times New Roman" pitchFamily="18" charset="0"/>
                        </a:rPr>
                        <a:t>distance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339421">
                <a:tc>
                  <a:txBody>
                    <a:bodyPr/>
                    <a:lstStyle/>
                    <a:p>
                      <a:pPr marL="190500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7.</a:t>
                      </a:r>
                      <a:r>
                        <a:rPr sz="1600" b="1" spc="48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409" dirty="0">
                          <a:latin typeface="Times New Roman" pitchFamily="18" charset="0"/>
                          <a:cs typeface="Times New Roman" pitchFamily="18" charset="0"/>
                        </a:rPr>
                        <a:t>EX-</a:t>
                      </a:r>
                      <a:r>
                        <a:rPr sz="14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490" dirty="0">
                          <a:latin typeface="Times New Roman" pitchFamily="18" charset="0"/>
                          <a:cs typeface="Times New Roman" pitchFamily="18" charset="0"/>
                        </a:rPr>
                        <a:t>CPU</a:t>
                      </a:r>
                      <a:r>
                        <a:rPr sz="1400" b="1" spc="15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595" dirty="0">
                          <a:latin typeface="Times New Roman" pitchFamily="18" charset="0"/>
                          <a:cs typeface="Times New Roman" pitchFamily="18" charset="0"/>
                        </a:rPr>
                        <a:t>&amp;</a:t>
                      </a:r>
                      <a:r>
                        <a:rPr sz="1400" b="1" spc="1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65" dirty="0">
                          <a:latin typeface="Times New Roman" pitchFamily="18" charset="0"/>
                          <a:cs typeface="Times New Roman" pitchFamily="18" charset="0"/>
                        </a:rPr>
                        <a:t>Memory.(Bus)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100965">
                        <a:lnSpc>
                          <a:spcPts val="1855"/>
                        </a:lnSpc>
                      </a:pPr>
                      <a:r>
                        <a:rPr sz="1600" b="1" spc="305" dirty="0">
                          <a:latin typeface="Times New Roman" pitchFamily="18" charset="0"/>
                          <a:cs typeface="Times New Roman" pitchFamily="18" charset="0"/>
                        </a:rPr>
                        <a:t>7.</a:t>
                      </a:r>
                      <a:r>
                        <a:rPr sz="1600" b="1" spc="47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409" dirty="0">
                          <a:latin typeface="Times New Roman" pitchFamily="18" charset="0"/>
                          <a:cs typeface="Times New Roman" pitchFamily="18" charset="0"/>
                        </a:rPr>
                        <a:t>EX-</a:t>
                      </a:r>
                      <a:r>
                        <a:rPr sz="1400" b="1" spc="14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490" dirty="0">
                          <a:latin typeface="Times New Roman" pitchFamily="18" charset="0"/>
                          <a:cs typeface="Times New Roman" pitchFamily="18" charset="0"/>
                        </a:rPr>
                        <a:t>CPU</a:t>
                      </a:r>
                      <a:r>
                        <a:rPr sz="1400" b="1" spc="145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595" dirty="0">
                          <a:latin typeface="Times New Roman" pitchFamily="18" charset="0"/>
                          <a:cs typeface="Times New Roman" pitchFamily="18" charset="0"/>
                        </a:rPr>
                        <a:t>&amp;</a:t>
                      </a:r>
                      <a:r>
                        <a:rPr sz="1400" b="1" spc="170" dirty="0">
                          <a:latin typeface="Times New Roman" pitchFamily="18" charset="0"/>
                          <a:cs typeface="Times New Roman" pitchFamily="18" charset="0"/>
                        </a:rPr>
                        <a:t> </a:t>
                      </a:r>
                      <a:r>
                        <a:rPr sz="1400" b="1" spc="300" dirty="0">
                          <a:latin typeface="Times New Roman" pitchFamily="18" charset="0"/>
                          <a:cs typeface="Times New Roman" pitchFamily="18" charset="0"/>
                        </a:rPr>
                        <a:t>I/O.</a:t>
                      </a:r>
                      <a:endParaRPr sz="1400">
                        <a:latin typeface="Times New Roman" pitchFamily="18" charset="0"/>
                        <a:cs typeface="Times New Roman" pitchFamily="18" charset="0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</a:tr>
            </a:tbl>
          </a:graphicData>
        </a:graphic>
      </p:graphicFrame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6285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30" dirty="0">
                <a:latin typeface="Verdana"/>
                <a:cs typeface="Verdana"/>
              </a:rPr>
              <a:t>Synchr</a:t>
            </a:r>
            <a:r>
              <a:rPr sz="3600" spc="-145" dirty="0">
                <a:latin typeface="Verdana"/>
                <a:cs typeface="Verdana"/>
              </a:rPr>
              <a:t>o</a:t>
            </a:r>
            <a:r>
              <a:rPr sz="3600" spc="-120" dirty="0">
                <a:latin typeface="Verdana"/>
                <a:cs typeface="Verdana"/>
              </a:rPr>
              <a:t>nous</a:t>
            </a:r>
            <a:r>
              <a:rPr sz="3600" spc="-240" dirty="0">
                <a:latin typeface="Verdana"/>
                <a:cs typeface="Verdana"/>
              </a:rPr>
              <a:t> </a:t>
            </a:r>
            <a:r>
              <a:rPr sz="3600" spc="65" dirty="0">
                <a:latin typeface="Verdana"/>
                <a:cs typeface="Verdana"/>
              </a:rPr>
              <a:t>Dat</a:t>
            </a:r>
            <a:r>
              <a:rPr sz="3600" spc="75" dirty="0">
                <a:latin typeface="Verdana"/>
                <a:cs typeface="Verdana"/>
              </a:rPr>
              <a:t>a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25" dirty="0">
                <a:latin typeface="Verdana"/>
                <a:cs typeface="Verdana"/>
              </a:rPr>
              <a:t>T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370838" y="2213838"/>
            <a:ext cx="8998585" cy="4333240"/>
          </a:xfrm>
          <a:prstGeom prst="rect">
            <a:avLst/>
          </a:prstGeom>
        </p:spPr>
        <p:txBody>
          <a:bodyPr vert="horz" wrap="square" lIns="0" tIns="10858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oth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nder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ceiver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har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common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lock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ts val="2280"/>
              </a:lnSpc>
              <a:spcBef>
                <a:spcPts val="755"/>
              </a:spcBef>
              <a:tabLst>
                <a:tab pos="354965" algn="l"/>
                <a:tab pos="848994" algn="l"/>
                <a:tab pos="1437640" algn="l"/>
                <a:tab pos="2409825" algn="l"/>
                <a:tab pos="3829050" algn="l"/>
                <a:tab pos="4432300" algn="l"/>
                <a:tab pos="4965700" algn="l"/>
                <a:tab pos="5273675" algn="l"/>
                <a:tab pos="6060440" algn="l"/>
                <a:tab pos="6453505" algn="l"/>
                <a:tab pos="7424420" algn="l"/>
                <a:tab pos="8112125" algn="l"/>
                <a:tab pos="846264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g	d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ce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	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ch	u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	d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	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b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y	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ar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	c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k	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	sa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ts val="2280"/>
              </a:lnSpc>
            </a:pP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frequency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tte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t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haracte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long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synchroniza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formation.</a:t>
            </a:r>
            <a:endParaRPr sz="2000">
              <a:latin typeface="Times New Roman"/>
              <a:cs typeface="Times New Roman"/>
            </a:endParaRPr>
          </a:p>
          <a:p>
            <a:pPr marL="355600" marR="8890" indent="-342900">
              <a:lnSpc>
                <a:spcPts val="2160"/>
              </a:lnSpc>
              <a:spcBef>
                <a:spcPts val="103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iver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codes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ind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ynchronization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keep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lock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ep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each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oth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ts val="2280"/>
              </a:lnSpc>
              <a:spcBef>
                <a:spcPts val="725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The</a:t>
            </a:r>
            <a:r>
              <a:rPr sz="2000" spc="1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ransmitter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sends</a:t>
            </a:r>
            <a:r>
              <a:rPr sz="2000" spc="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data,</a:t>
            </a:r>
            <a:r>
              <a:rPr sz="2000" spc="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and</a:t>
            </a:r>
            <a:r>
              <a:rPr sz="2000" spc="1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he</a:t>
            </a:r>
            <a:r>
              <a:rPr sz="2000" spc="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receiver</a:t>
            </a:r>
            <a:r>
              <a:rPr sz="2000" spc="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counts</a:t>
            </a:r>
            <a:r>
              <a:rPr sz="2000" spc="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he</a:t>
            </a:r>
            <a:r>
              <a:rPr sz="2000" spc="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number</a:t>
            </a:r>
            <a:r>
              <a:rPr sz="2000" spc="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bits</a:t>
            </a:r>
            <a:r>
              <a:rPr sz="2000" spc="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in</a:t>
            </a:r>
            <a:r>
              <a:rPr sz="2000" spc="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the</a:t>
            </a:r>
            <a:r>
              <a:rPr sz="2000" spc="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received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ts val="2280"/>
              </a:lnSpc>
            </a:pP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>
              <a:lnSpc>
                <a:spcPts val="2160"/>
              </a:lnSpc>
              <a:spcBef>
                <a:spcPts val="104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Furthermore,</a:t>
            </a:r>
            <a:r>
              <a:rPr sz="2000" spc="3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here</a:t>
            </a:r>
            <a:r>
              <a:rPr sz="2000" spc="34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are</a:t>
            </a:r>
            <a:r>
              <a:rPr sz="2000" spc="3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no</a:t>
            </a:r>
            <a:r>
              <a:rPr sz="2000" spc="33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gaps</a:t>
            </a:r>
            <a:r>
              <a:rPr sz="2000" spc="3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between</a:t>
            </a:r>
            <a:r>
              <a:rPr sz="2000" spc="33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data,</a:t>
            </a:r>
            <a:r>
              <a:rPr sz="2000" spc="34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hat</a:t>
            </a:r>
            <a:r>
              <a:rPr sz="2000" spc="3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is,</a:t>
            </a:r>
            <a:r>
              <a:rPr sz="2000" spc="34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continuous</a:t>
            </a:r>
            <a:r>
              <a:rPr sz="2000" spc="3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transmission</a:t>
            </a:r>
            <a:r>
              <a:rPr sz="2000" spc="34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till </a:t>
            </a:r>
            <a:r>
              <a:rPr sz="2000" spc="-484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en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2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In</a:t>
            </a:r>
            <a:r>
              <a:rPr sz="2000" spc="-1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this</a:t>
            </a:r>
            <a:r>
              <a:rPr sz="2000" spc="-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method,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 the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iming</a:t>
            </a:r>
            <a:r>
              <a:rPr sz="2000" spc="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signals</a:t>
            </a:r>
            <a:r>
              <a:rPr sz="2000" spc="-3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must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be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accurate</a:t>
            </a:r>
            <a:r>
              <a:rPr sz="2000" spc="-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 transfer</a:t>
            </a:r>
            <a:r>
              <a:rPr sz="2000" spc="-4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44444"/>
                </a:solidFill>
                <a:latin typeface="Times New Roman"/>
                <a:cs typeface="Times New Roman"/>
              </a:rPr>
              <a:t>efficiently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Moreover,</a:t>
            </a:r>
            <a:r>
              <a:rPr sz="2000" spc="-4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this</a:t>
            </a:r>
            <a:r>
              <a:rPr sz="2000" spc="-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method</a:t>
            </a:r>
            <a:r>
              <a:rPr sz="2000" spc="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44444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faster</a:t>
            </a:r>
            <a:r>
              <a:rPr sz="2000" spc="-2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than</a:t>
            </a:r>
            <a:r>
              <a:rPr sz="2000" spc="-1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asynchronous</a:t>
            </a:r>
            <a:r>
              <a:rPr sz="2000" spc="-35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data</a:t>
            </a:r>
            <a:r>
              <a:rPr sz="2000" spc="-20" dirty="0">
                <a:solidFill>
                  <a:srgbClr val="444444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44444"/>
                </a:solidFill>
                <a:latin typeface="Times New Roman"/>
                <a:cs typeface="Times New Roman"/>
              </a:rPr>
              <a:t>transferring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587829"/>
            <a:ext cx="936331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60" dirty="0">
                <a:latin typeface="Verdana"/>
                <a:cs typeface="Verdana"/>
              </a:rPr>
              <a:t>Asynchr</a:t>
            </a:r>
            <a:r>
              <a:rPr sz="3600" spc="-80" dirty="0">
                <a:latin typeface="Verdana"/>
                <a:cs typeface="Verdana"/>
              </a:rPr>
              <a:t>o</a:t>
            </a:r>
            <a:r>
              <a:rPr sz="3600" spc="-120" dirty="0">
                <a:latin typeface="Verdana"/>
                <a:cs typeface="Verdana"/>
              </a:rPr>
              <a:t>nous</a:t>
            </a:r>
            <a:r>
              <a:rPr sz="3600" spc="-240" dirty="0">
                <a:latin typeface="Verdana"/>
                <a:cs typeface="Verdana"/>
              </a:rPr>
              <a:t> </a:t>
            </a:r>
            <a:r>
              <a:rPr sz="3600" spc="-65" dirty="0">
                <a:latin typeface="Verdana"/>
                <a:cs typeface="Verdana"/>
              </a:rPr>
              <a:t>Parallel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65" dirty="0">
                <a:latin typeface="Verdana"/>
                <a:cs typeface="Verdana"/>
              </a:rPr>
              <a:t>Dat</a:t>
            </a:r>
            <a:r>
              <a:rPr sz="3600" spc="75" dirty="0">
                <a:latin typeface="Verdana"/>
                <a:cs typeface="Verdana"/>
              </a:rPr>
              <a:t>a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25" dirty="0">
                <a:latin typeface="Verdana"/>
                <a:cs typeface="Verdana"/>
              </a:rPr>
              <a:t>T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1420586"/>
            <a:ext cx="9696450" cy="4559582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 algn="just">
              <a:lnSpc>
                <a:spcPts val="2510"/>
              </a:lnSpc>
              <a:spcBef>
                <a:spcPts val="9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6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ynchronous</a:t>
            </a:r>
            <a:r>
              <a:rPr sz="22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rallel</a:t>
            </a:r>
            <a:r>
              <a:rPr sz="22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2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22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dependent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s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endParaRPr sz="2200">
              <a:latin typeface="Times New Roman"/>
              <a:cs typeface="Times New Roman"/>
            </a:endParaRPr>
          </a:p>
          <a:p>
            <a:pPr marL="355600" algn="just">
              <a:lnSpc>
                <a:spcPts val="251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als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synchronization</a:t>
            </a:r>
            <a:r>
              <a:rPr sz="22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uring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 algn="just">
              <a:lnSpc>
                <a:spcPts val="2330"/>
              </a:lnSpc>
              <a:spcBef>
                <a:spcPts val="675"/>
              </a:spcBef>
              <a:buClr>
                <a:srgbClr val="B83C68"/>
              </a:buClr>
              <a:buSzPct val="79545"/>
              <a:buAutoNum type="arabicPeriod"/>
              <a:tabLst>
                <a:tab pos="35560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ne way i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an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strobe puls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 is supplied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n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units to other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 whe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occur.</a:t>
            </a:r>
            <a:r>
              <a:rPr sz="22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know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“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Strobe</a:t>
            </a:r>
            <a:r>
              <a:rPr sz="22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Control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”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89600"/>
              </a:lnSpc>
              <a:spcBef>
                <a:spcPts val="1025"/>
              </a:spcBef>
              <a:buClr>
                <a:srgbClr val="B83C68"/>
              </a:buClr>
              <a:buSzPct val="79545"/>
              <a:buAutoNum type="arabicPeriod"/>
              <a:tabLst>
                <a:tab pos="35560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other method commonly used is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ccompany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 item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ing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red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dicate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presenc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bus.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unit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iving the data item responds with another 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signal to acknowledg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ip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. This method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 transfer between two independent units is said to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“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Handshaking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”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3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latin typeface="Times New Roman"/>
                <a:cs typeface="Times New Roman"/>
              </a:rPr>
              <a:t>Here</a:t>
            </a:r>
            <a:r>
              <a:rPr sz="2200" spc="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we</a:t>
            </a:r>
            <a:r>
              <a:rPr sz="220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consider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the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transmitting</a:t>
            </a:r>
            <a:r>
              <a:rPr sz="2200" spc="25" dirty="0">
                <a:latin typeface="Times New Roman"/>
                <a:cs typeface="Times New Roman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unit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as</a:t>
            </a:r>
            <a:r>
              <a:rPr sz="2200" dirty="0"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Source</a:t>
            </a:r>
            <a:r>
              <a:rPr sz="22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and</a:t>
            </a:r>
            <a:r>
              <a:rPr sz="2200" dirty="0">
                <a:latin typeface="Times New Roman"/>
                <a:cs typeface="Times New Roman"/>
              </a:rPr>
              <a:t> receiving</a:t>
            </a:r>
            <a:r>
              <a:rPr sz="2200" spc="-5" dirty="0">
                <a:latin typeface="Times New Roman"/>
                <a:cs typeface="Times New Roman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unit </a:t>
            </a:r>
            <a:r>
              <a:rPr sz="2200" spc="-5" dirty="0">
                <a:latin typeface="Times New Roman"/>
                <a:cs typeface="Times New Roman"/>
              </a:rPr>
              <a:t>as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Destination</a:t>
            </a:r>
            <a:r>
              <a:rPr sz="2200" spc="-5" dirty="0"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>
              <a:lnSpc>
                <a:spcPts val="2380"/>
              </a:lnSpc>
              <a:spcBef>
                <a:spcPts val="63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quence</a:t>
            </a:r>
            <a:r>
              <a:rPr sz="22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2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uring</a:t>
            </a:r>
            <a:r>
              <a:rPr sz="22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2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ynchronous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2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pends</a:t>
            </a:r>
            <a:r>
              <a:rPr sz="22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hether</a:t>
            </a:r>
            <a:r>
              <a:rPr sz="22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transfer</a:t>
            </a:r>
            <a:r>
              <a:rPr sz="2200" spc="1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is initiated</a:t>
            </a:r>
            <a:r>
              <a:rPr sz="2200" spc="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006FC0"/>
                </a:solidFill>
                <a:latin typeface="Times New Roman"/>
                <a:cs typeface="Times New Roman"/>
              </a:rPr>
              <a:t>by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 the</a:t>
            </a:r>
            <a:r>
              <a:rPr sz="220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source</a:t>
            </a:r>
            <a:r>
              <a:rPr sz="2200" dirty="0">
                <a:solidFill>
                  <a:srgbClr val="006FC0"/>
                </a:solidFill>
                <a:latin typeface="Times New Roman"/>
                <a:cs typeface="Times New Roman"/>
              </a:rPr>
              <a:t> or by</a:t>
            </a:r>
            <a:r>
              <a:rPr sz="2200" spc="-5" dirty="0">
                <a:solidFill>
                  <a:srgbClr val="006FC0"/>
                </a:solidFill>
                <a:latin typeface="Times New Roman"/>
                <a:cs typeface="Times New Roman"/>
              </a:rPr>
              <a:t> the</a:t>
            </a:r>
            <a:r>
              <a:rPr sz="2200" dirty="0">
                <a:solidFill>
                  <a:srgbClr val="006FC0"/>
                </a:solidFill>
                <a:latin typeface="Times New Roman"/>
                <a:cs typeface="Times New Roman"/>
              </a:rPr>
              <a:t> destination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24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urther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ivided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source</a:t>
            </a:r>
            <a:r>
              <a:rPr sz="22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itiated</a:t>
            </a:r>
            <a:r>
              <a:rPr sz="22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and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destination</a:t>
            </a:r>
            <a:r>
              <a:rPr sz="22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itiated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604157"/>
            <a:ext cx="103430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70" dirty="0">
                <a:latin typeface="Verdana"/>
                <a:cs typeface="Verdana"/>
              </a:rPr>
              <a:t>S</a:t>
            </a:r>
            <a:r>
              <a:rPr sz="3600" spc="-250" dirty="0">
                <a:latin typeface="Verdana"/>
                <a:cs typeface="Verdana"/>
              </a:rPr>
              <a:t>o</a:t>
            </a:r>
            <a:r>
              <a:rPr sz="3600" spc="25" dirty="0">
                <a:latin typeface="Verdana"/>
                <a:cs typeface="Verdana"/>
              </a:rPr>
              <a:t>urce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Initia</a:t>
            </a:r>
            <a:r>
              <a:rPr sz="3600" spc="-185" dirty="0">
                <a:latin typeface="Verdana"/>
                <a:cs typeface="Verdana"/>
              </a:rPr>
              <a:t>t</a:t>
            </a:r>
            <a:r>
              <a:rPr sz="3600" spc="204" dirty="0">
                <a:latin typeface="Verdana"/>
                <a:cs typeface="Verdana"/>
              </a:rPr>
              <a:t>ed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130" dirty="0">
                <a:latin typeface="Verdana"/>
                <a:cs typeface="Verdana"/>
              </a:rPr>
              <a:t>Strob</a:t>
            </a:r>
            <a:r>
              <a:rPr sz="3600" spc="-135" dirty="0">
                <a:latin typeface="Verdana"/>
                <a:cs typeface="Verdana"/>
              </a:rPr>
              <a:t>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10" dirty="0">
                <a:latin typeface="Verdana"/>
                <a:cs typeface="Verdana"/>
              </a:rPr>
              <a:t>controlle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043432" y="2197074"/>
            <a:ext cx="5820410" cy="444627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9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irs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lace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 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4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0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rief</a:t>
            </a:r>
            <a:r>
              <a:rPr sz="20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lay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3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nsure</a:t>
            </a:r>
            <a:r>
              <a:rPr sz="20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3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ttle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steady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alue,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ctivate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rob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ulse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formatio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 data bu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strobe control signal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mains in the active state fo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ufficient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od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w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ceiv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79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moves</a:t>
            </a:r>
            <a:r>
              <a:rPr sz="20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20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  <a:spcBef>
                <a:spcPts val="5"/>
              </a:spcBef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sables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rob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ulse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 signal disabled indicates tha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data bus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oe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ai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ali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78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ew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valid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vailable</a:t>
            </a:r>
            <a:r>
              <a:rPr sz="20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nabled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gain.</a:t>
            </a:r>
            <a:endParaRPr sz="2000">
              <a:latin typeface="Times New Roman"/>
              <a:cs typeface="Times New Roman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6896100" y="2298192"/>
            <a:ext cx="4360545" cy="4255135"/>
            <a:chOff x="6896100" y="2298192"/>
            <a:chExt cx="4360545" cy="4255135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6896100" y="2298192"/>
              <a:ext cx="4360163" cy="4255008"/>
            </a:xfrm>
            <a:prstGeom prst="rect">
              <a:avLst/>
            </a:prstGeom>
          </p:spPr>
        </p:pic>
        <p:sp>
          <p:nvSpPr>
            <p:cNvPr id="6" name="object 6"/>
            <p:cNvSpPr/>
            <p:nvPr/>
          </p:nvSpPr>
          <p:spPr>
            <a:xfrm>
              <a:off x="8516874" y="4239006"/>
              <a:ext cx="1143000" cy="1819275"/>
            </a:xfrm>
            <a:custGeom>
              <a:avLst/>
              <a:gdLst/>
              <a:ahLst/>
              <a:cxnLst/>
              <a:rect l="l" t="t" r="r" b="b"/>
              <a:pathLst>
                <a:path w="1143000" h="1819275">
                  <a:moveTo>
                    <a:pt x="0" y="1819275"/>
                  </a:moveTo>
                  <a:lnTo>
                    <a:pt x="0" y="38100"/>
                  </a:lnTo>
                </a:path>
                <a:path w="1143000" h="1819275">
                  <a:moveTo>
                    <a:pt x="1143000" y="1781175"/>
                  </a:moveTo>
                  <a:lnTo>
                    <a:pt x="1143000" y="0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</p:spTree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169619" y="2183104"/>
            <a:ext cx="5246370" cy="431800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9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10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unit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irs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ctivate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ulse, informing the source is ready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iv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at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ing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vide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10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sourc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place 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 on the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78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st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valid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main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endParaRPr sz="20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  <a:spcBef>
                <a:spcPts val="5"/>
              </a:spcBef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enough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ccep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10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 unit then disables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.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nd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move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from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5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time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val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2" y="718457"/>
            <a:ext cx="968988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00" dirty="0">
                <a:latin typeface="Verdana"/>
                <a:cs typeface="Verdana"/>
              </a:rPr>
              <a:t>Destination</a:t>
            </a:r>
            <a:r>
              <a:rPr sz="3600" spc="-240" dirty="0">
                <a:latin typeface="Verdana"/>
                <a:cs typeface="Verdana"/>
              </a:rPr>
              <a:t> </a:t>
            </a:r>
            <a:r>
              <a:rPr sz="3600" spc="-114" dirty="0">
                <a:latin typeface="Verdana"/>
                <a:cs typeface="Verdana"/>
              </a:rPr>
              <a:t>Initiated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130" dirty="0">
                <a:latin typeface="Verdana"/>
                <a:cs typeface="Verdana"/>
              </a:rPr>
              <a:t>Strobe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-10" dirty="0">
                <a:latin typeface="Verdana"/>
                <a:cs typeface="Verdana"/>
              </a:rPr>
              <a:t>controlled</a:t>
            </a:r>
            <a:endParaRPr sz="3600">
              <a:latin typeface="Verdana"/>
              <a:cs typeface="Verdana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6566916" y="2442972"/>
            <a:ext cx="4901565" cy="4262755"/>
            <a:chOff x="6566916" y="2442972"/>
            <a:chExt cx="4901565" cy="4262755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6566916" y="2442972"/>
              <a:ext cx="4901183" cy="4262628"/>
            </a:xfrm>
            <a:prstGeom prst="rect">
              <a:avLst/>
            </a:prstGeom>
          </p:spPr>
        </p:pic>
        <p:sp>
          <p:nvSpPr>
            <p:cNvPr id="6" name="object 6"/>
            <p:cNvSpPr/>
            <p:nvPr/>
          </p:nvSpPr>
          <p:spPr>
            <a:xfrm>
              <a:off x="8201406" y="4086605"/>
              <a:ext cx="1353820" cy="1781175"/>
            </a:xfrm>
            <a:custGeom>
              <a:avLst/>
              <a:gdLst/>
              <a:ahLst/>
              <a:cxnLst/>
              <a:rect l="l" t="t" r="r" b="b"/>
              <a:pathLst>
                <a:path w="1353820" h="1781175">
                  <a:moveTo>
                    <a:pt x="0" y="1781175"/>
                  </a:moveTo>
                  <a:lnTo>
                    <a:pt x="0" y="0"/>
                  </a:lnTo>
                </a:path>
                <a:path w="1353820" h="1781175">
                  <a:moveTo>
                    <a:pt x="1353312" y="1781175"/>
                  </a:moveTo>
                  <a:lnTo>
                    <a:pt x="1353312" y="0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7" name="object 7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9351518" y="4744973"/>
              <a:ext cx="203200" cy="76200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768928" y="1345066"/>
            <a:ext cx="9398000" cy="2387600"/>
          </a:xfrm>
        </p:spPr>
        <p:txBody>
          <a:bodyPr/>
          <a:lstStyle/>
          <a:p>
            <a:pPr>
              <a:lnSpc>
                <a:spcPct val="100000"/>
              </a:lnSpc>
            </a:pPr>
            <a:r>
              <a:rPr lang="en-GB" dirty="0">
                <a:latin typeface="Metropolis" panose="00000500000000000000"/>
              </a:rPr>
              <a:t>Module </a:t>
            </a:r>
            <a:r>
              <a:rPr lang="en-GB" dirty="0" smtClean="0">
                <a:latin typeface="Metropolis" panose="00000500000000000000"/>
              </a:rPr>
              <a:t>4: </a:t>
            </a:r>
            <a:r>
              <a:rPr lang="en-US" dirty="0" smtClean="0"/>
              <a:t>Input/output Organization </a:t>
            </a:r>
            <a:br>
              <a:rPr lang="en-US" dirty="0" smtClean="0"/>
            </a:br>
            <a:endParaRPr lang="en-US" dirty="0">
              <a:latin typeface="Metropolis" panose="00000500000000000000"/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>
                <a:latin typeface="Metropolis" panose="00000500000000000000"/>
              </a:rPr>
              <a:t>Course Name: </a:t>
            </a:r>
            <a:r>
              <a:rPr lang="en-US" dirty="0"/>
              <a:t>Computer Architecture and organization</a:t>
            </a:r>
            <a:r>
              <a:rPr lang="en-US" dirty="0">
                <a:latin typeface="Metropolis" panose="00000500000000000000"/>
              </a:rPr>
              <a:t>[22CSE104]</a:t>
            </a:r>
          </a:p>
          <a:p>
            <a:r>
              <a:rPr lang="en-US" dirty="0">
                <a:latin typeface="Metropolis" panose="00000500000000000000"/>
              </a:rPr>
              <a:t>Total Hours </a:t>
            </a:r>
            <a:r>
              <a:rPr lang="en-US">
                <a:latin typeface="Metropolis" panose="00000500000000000000"/>
              </a:rPr>
              <a:t>: </a:t>
            </a:r>
            <a:r>
              <a:rPr lang="en-US" smtClean="0"/>
              <a:t>09</a:t>
            </a:r>
            <a:endParaRPr lang="en-US" dirty="0">
              <a:latin typeface="Metropolis" panose="00000500000000000000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402841" y="832757"/>
            <a:ext cx="10157788" cy="4332596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5080" indent="-343535" algn="just">
              <a:lnSpc>
                <a:spcPct val="110000"/>
              </a:lnSpc>
              <a:spcBef>
                <a:spcPts val="10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computer,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trob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d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sourc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-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strob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emory-writ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 signal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rom 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 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unit.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ource,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, places th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ord on the dat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,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hich i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estination,</a:t>
            </a:r>
            <a:r>
              <a:rPr sz="24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rit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peration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110000"/>
              </a:lnSpc>
              <a:spcBef>
                <a:spcPts val="994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26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 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 initiated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- 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trobe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emory-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read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rom 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 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.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Now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, initiate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 operation to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form the 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memory,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hich is a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,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 place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elected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ord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400">
              <a:latin typeface="Times New Roman"/>
              <a:cs typeface="Times New Roman"/>
            </a:endParaRPr>
          </a:p>
          <a:p>
            <a:pPr marL="355600" marR="5715" indent="-343535" algn="just">
              <a:lnSpc>
                <a:spcPct val="110000"/>
              </a:lnSpc>
              <a:spcBef>
                <a:spcPts val="10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69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The transfer of data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between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the 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CPU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and an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face</a:t>
            </a:r>
            <a:r>
              <a:rPr sz="2400" spc="59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unit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is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similar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to</a:t>
            </a:r>
            <a:r>
              <a:rPr sz="24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the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strobe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C00000"/>
                </a:solidFill>
                <a:latin typeface="Times New Roman"/>
                <a:cs typeface="Times New Roman"/>
              </a:rPr>
              <a:t>transfer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736217" y="1779815"/>
            <a:ext cx="9546826" cy="3187283"/>
          </a:xfrm>
          <a:prstGeom prst="rect">
            <a:avLst/>
          </a:prstGeom>
        </p:spPr>
        <p:txBody>
          <a:bodyPr vert="horz" wrap="square" lIns="0" tIns="21209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670"/>
              </a:spcBef>
            </a:pPr>
            <a:r>
              <a:rPr sz="2400" u="heavy" spc="-5" dirty="0">
                <a:solidFill>
                  <a:srgbClr val="C00000"/>
                </a:solidFill>
                <a:uFill>
                  <a:solidFill>
                    <a:srgbClr val="C00000"/>
                  </a:solidFill>
                </a:uFill>
                <a:latin typeface="Times New Roman"/>
                <a:cs typeface="Times New Roman"/>
              </a:rPr>
              <a:t>Disadvantage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20000"/>
              </a:lnSpc>
              <a:spcBef>
                <a:spcPts val="994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 sourc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transfe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ay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knowing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hether the destinatio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tually received the data tha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as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laced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 th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bus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20000"/>
              </a:lnSpc>
              <a:spcBef>
                <a:spcPts val="10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 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 unit that initiates th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ay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knowing whether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uni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tually placed data on the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57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4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ndshaking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method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olves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50976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60" dirty="0">
                <a:latin typeface="Verdana"/>
                <a:cs typeface="Verdana"/>
              </a:rPr>
              <a:t>Handshaking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396111" y="1845129"/>
            <a:ext cx="9148445" cy="280782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handshaking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r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ing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 data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000">
              <a:latin typeface="Times New Roman"/>
              <a:cs typeface="Times New Roman"/>
            </a:endParaRPr>
          </a:p>
          <a:p>
            <a:pPr marL="355600" marR="6985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ndshaking</a:t>
            </a:r>
            <a:r>
              <a:rPr sz="20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ethod</a:t>
            </a:r>
            <a:r>
              <a:rPr sz="20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roduce</a:t>
            </a:r>
            <a:r>
              <a:rPr sz="20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second</a:t>
            </a:r>
            <a:r>
              <a:rPr sz="2000" spc="2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control</a:t>
            </a:r>
            <a:r>
              <a:rPr sz="2000" spc="2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signal</a:t>
            </a:r>
            <a:r>
              <a:rPr sz="2000" spc="2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line</a:t>
            </a:r>
            <a:r>
              <a:rPr sz="2000" spc="24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vides</a:t>
            </a:r>
            <a:r>
              <a:rPr sz="20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ply</a:t>
            </a:r>
            <a:r>
              <a:rPr sz="20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t,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0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ame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rection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low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20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indicat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esenc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ali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rection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form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hethe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ccepte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ot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2725347" y="4869400"/>
            <a:ext cx="5436108" cy="1580386"/>
          </a:xfrm>
          <a:prstGeom prst="rect">
            <a:avLst/>
          </a:prstGeom>
        </p:spPr>
      </p:pic>
      <p:sp>
        <p:nvSpPr>
          <p:cNvPr id="5" name="object 5"/>
          <p:cNvSpPr txBox="1"/>
          <p:nvPr/>
        </p:nvSpPr>
        <p:spPr>
          <a:xfrm>
            <a:off x="5097271" y="6078118"/>
            <a:ext cx="196088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spc="-5" dirty="0">
                <a:latin typeface="Times New Roman"/>
                <a:cs typeface="Times New Roman"/>
              </a:rPr>
              <a:t>Data accepted/Ready</a:t>
            </a:r>
            <a:r>
              <a:rPr sz="1200" b="1" spc="20" dirty="0">
                <a:latin typeface="Times New Roman"/>
                <a:cs typeface="Times New Roman"/>
              </a:rPr>
              <a:t> </a:t>
            </a:r>
            <a:r>
              <a:rPr sz="1200" b="1" dirty="0">
                <a:latin typeface="Times New Roman"/>
                <a:cs typeface="Times New Roman"/>
              </a:rPr>
              <a:t>for</a:t>
            </a:r>
            <a:r>
              <a:rPr sz="1200" b="1" spc="-35" dirty="0">
                <a:latin typeface="Times New Roman"/>
                <a:cs typeface="Times New Roman"/>
              </a:rPr>
              <a:t> </a:t>
            </a:r>
            <a:r>
              <a:rPr sz="1200" b="1" dirty="0">
                <a:latin typeface="Times New Roman"/>
                <a:cs typeface="Times New Roman"/>
              </a:rPr>
              <a:t>data</a:t>
            </a:r>
            <a:endParaRPr sz="1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015695" y="2215642"/>
            <a:ext cx="5501005" cy="2076450"/>
          </a:xfrm>
          <a:prstGeom prst="rect">
            <a:avLst/>
          </a:prstGeom>
        </p:spPr>
        <p:txBody>
          <a:bodyPr vert="horz" wrap="square" lIns="0" tIns="69850" rIns="0" bIns="0" rtlCol="0">
            <a:spAutoFit/>
          </a:bodyPr>
          <a:lstStyle/>
          <a:p>
            <a:pPr marL="355600" marR="5080" indent="-343535" algn="just">
              <a:lnSpc>
                <a:spcPct val="80000"/>
              </a:lnSpc>
              <a:spcBef>
                <a:spcPts val="550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0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19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handshaking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"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data</a:t>
            </a:r>
            <a:r>
              <a:rPr sz="19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valid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",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d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by the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source unit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, and "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data </a:t>
            </a:r>
            <a:r>
              <a:rPr sz="1900" spc="-10" dirty="0">
                <a:solidFill>
                  <a:srgbClr val="C00000"/>
                </a:solidFill>
                <a:latin typeface="Times New Roman"/>
                <a:cs typeface="Times New Roman"/>
              </a:rPr>
              <a:t>accepted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",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 generated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destination</a:t>
            </a:r>
            <a:r>
              <a:rPr sz="19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unit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19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80000"/>
              </a:lnSpc>
              <a:spcBef>
                <a:spcPts val="994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 source initiates a transfer by placing data on the 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bu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5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Then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enable</a:t>
            </a:r>
            <a:r>
              <a:rPr sz="1900" spc="-2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data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valid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ignal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40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endParaRPr sz="1500">
              <a:latin typeface="Lucida Sans Unicode"/>
              <a:cs typeface="Lucida Sans Unicode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358646" y="3986910"/>
            <a:ext cx="5156200" cy="546100"/>
          </a:xfrm>
          <a:prstGeom prst="rect">
            <a:avLst/>
          </a:prstGeom>
        </p:spPr>
        <p:txBody>
          <a:bodyPr vert="horz" wrap="square" lIns="0" tIns="68580" rIns="0" bIns="0" rtlCol="0">
            <a:spAutoFit/>
          </a:bodyPr>
          <a:lstStyle/>
          <a:p>
            <a:pPr marL="12700" marR="5080">
              <a:lnSpc>
                <a:spcPts val="1820"/>
              </a:lnSpc>
              <a:spcBef>
                <a:spcPts val="540"/>
              </a:spcBef>
              <a:tabLst>
                <a:tab pos="567055" algn="l"/>
                <a:tab pos="1148080" algn="l"/>
                <a:tab pos="2167255" algn="l"/>
                <a:tab pos="2921635" algn="l"/>
                <a:tab pos="3260725" algn="l"/>
                <a:tab pos="3855085" algn="l"/>
                <a:tab pos="4901565" algn="l"/>
              </a:tabLst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	data	ac</a:t>
            </a:r>
            <a:r>
              <a:rPr sz="1900" spc="-25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pted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2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tiva</a:t>
            </a:r>
            <a:r>
              <a:rPr sz="1900" spc="-2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d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y  destination unit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s the 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015695" y="4576698"/>
            <a:ext cx="5501640" cy="2190750"/>
          </a:xfrm>
          <a:prstGeom prst="rect">
            <a:avLst/>
          </a:prstGeom>
        </p:spPr>
        <p:txBody>
          <a:bodyPr vert="horz" wrap="square" lIns="0" tIns="68580" rIns="0" bIns="0" rtlCol="0">
            <a:spAutoFit/>
          </a:bodyPr>
          <a:lstStyle/>
          <a:p>
            <a:pPr marL="355600" marR="7620" indent="-343535" algn="just">
              <a:lnSpc>
                <a:spcPts val="1820"/>
              </a:lnSpc>
              <a:spcBef>
                <a:spcPts val="540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source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unit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 disables its data valid signal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validates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1900">
              <a:latin typeface="Times New Roman"/>
              <a:cs typeface="Times New Roman"/>
            </a:endParaRPr>
          </a:p>
          <a:p>
            <a:pPr marL="12700" algn="just">
              <a:lnSpc>
                <a:spcPts val="2055"/>
              </a:lnSpc>
              <a:spcBef>
                <a:spcPts val="570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88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1900" spc="7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,</a:t>
            </a:r>
            <a:r>
              <a:rPr sz="1900" spc="7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7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1900" spc="7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1900" spc="7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isables</a:t>
            </a:r>
            <a:r>
              <a:rPr sz="1900" spc="7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1900" spc="7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endParaRPr sz="1900">
              <a:latin typeface="Times New Roman"/>
              <a:cs typeface="Times New Roman"/>
            </a:endParaRPr>
          </a:p>
          <a:p>
            <a:pPr marL="355600" algn="just">
              <a:lnSpc>
                <a:spcPts val="2055"/>
              </a:lnSpc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ed signal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system goes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to initial</a:t>
            </a:r>
            <a:r>
              <a:rPr sz="19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e.</a:t>
            </a:r>
            <a:endParaRPr sz="19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ts val="1820"/>
              </a:lnSpc>
              <a:spcBef>
                <a:spcPts val="985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204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19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19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oes</a:t>
            </a:r>
            <a:r>
              <a:rPr sz="19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19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end</a:t>
            </a:r>
            <a:r>
              <a:rPr sz="19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ext</a:t>
            </a:r>
            <a:r>
              <a:rPr sz="19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tem </a:t>
            </a:r>
            <a:r>
              <a:rPr sz="1900" spc="-4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til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how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iness</a:t>
            </a:r>
            <a:r>
              <a:rPr sz="1900" spc="4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ew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 disabling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4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ed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al.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>
            <a:spLocks noGrp="1"/>
          </p:cNvSpPr>
          <p:nvPr>
            <p:ph type="title"/>
          </p:nvPr>
        </p:nvSpPr>
        <p:spPr>
          <a:xfrm>
            <a:off x="1015695" y="894334"/>
            <a:ext cx="861816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70" dirty="0">
                <a:latin typeface="Verdana"/>
                <a:cs typeface="Verdana"/>
              </a:rPr>
              <a:t>S</a:t>
            </a:r>
            <a:r>
              <a:rPr sz="3600" spc="-250" dirty="0">
                <a:latin typeface="Verdana"/>
                <a:cs typeface="Verdana"/>
              </a:rPr>
              <a:t>o</a:t>
            </a:r>
            <a:r>
              <a:rPr sz="3600" spc="25" dirty="0">
                <a:latin typeface="Verdana"/>
                <a:cs typeface="Verdana"/>
              </a:rPr>
              <a:t>urce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Initia</a:t>
            </a:r>
            <a:r>
              <a:rPr sz="3600" spc="-185" dirty="0">
                <a:latin typeface="Verdana"/>
                <a:cs typeface="Verdana"/>
              </a:rPr>
              <a:t>t</a:t>
            </a:r>
            <a:r>
              <a:rPr sz="3600" spc="204" dirty="0">
                <a:latin typeface="Verdana"/>
                <a:cs typeface="Verdana"/>
              </a:rPr>
              <a:t>ed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40" dirty="0">
                <a:latin typeface="Verdana"/>
                <a:cs typeface="Verdana"/>
              </a:rPr>
              <a:t>Han</a:t>
            </a:r>
            <a:r>
              <a:rPr sz="3600" spc="55" dirty="0">
                <a:latin typeface="Verdana"/>
                <a:cs typeface="Verdana"/>
              </a:rPr>
              <a:t>d</a:t>
            </a:r>
            <a:r>
              <a:rPr sz="3600" spc="-114" dirty="0">
                <a:latin typeface="Verdana"/>
                <a:cs typeface="Verdana"/>
              </a:rPr>
              <a:t>shaking</a:t>
            </a:r>
            <a:endParaRPr sz="3600">
              <a:latin typeface="Verdana"/>
              <a:cs typeface="Verdana"/>
            </a:endParaRPr>
          </a:p>
        </p:txBody>
      </p:sp>
      <p:grpSp>
        <p:nvGrpSpPr>
          <p:cNvPr id="6" name="object 6"/>
          <p:cNvGrpSpPr/>
          <p:nvPr/>
        </p:nvGrpSpPr>
        <p:grpSpPr>
          <a:xfrm>
            <a:off x="6672071" y="2295142"/>
            <a:ext cx="4715510" cy="4563110"/>
            <a:chOff x="6672071" y="2295142"/>
            <a:chExt cx="4715510" cy="4563110"/>
          </a:xfrm>
        </p:grpSpPr>
        <p:pic>
          <p:nvPicPr>
            <p:cNvPr id="7" name="object 7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6672071" y="2295142"/>
              <a:ext cx="4715256" cy="4562855"/>
            </a:xfrm>
            <a:prstGeom prst="rect">
              <a:avLst/>
            </a:prstGeom>
          </p:spPr>
        </p:pic>
        <p:sp>
          <p:nvSpPr>
            <p:cNvPr id="8" name="object 8"/>
            <p:cNvSpPr/>
            <p:nvPr/>
          </p:nvSpPr>
          <p:spPr>
            <a:xfrm>
              <a:off x="8605265" y="3275838"/>
              <a:ext cx="1214755" cy="887730"/>
            </a:xfrm>
            <a:custGeom>
              <a:avLst/>
              <a:gdLst/>
              <a:ahLst/>
              <a:cxnLst/>
              <a:rect l="l" t="t" r="r" b="b"/>
              <a:pathLst>
                <a:path w="1214754" h="887729">
                  <a:moveTo>
                    <a:pt x="0" y="857250"/>
                  </a:moveTo>
                  <a:lnTo>
                    <a:pt x="0" y="0"/>
                  </a:lnTo>
                </a:path>
                <a:path w="1214754" h="887729">
                  <a:moveTo>
                    <a:pt x="1214627" y="887730"/>
                  </a:moveTo>
                  <a:lnTo>
                    <a:pt x="1214627" y="30479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9" name="object 9"/>
            <p:cNvSpPr/>
            <p:nvPr/>
          </p:nvSpPr>
          <p:spPr>
            <a:xfrm>
              <a:off x="9240392" y="3573018"/>
              <a:ext cx="571500" cy="76200"/>
            </a:xfrm>
            <a:custGeom>
              <a:avLst/>
              <a:gdLst/>
              <a:ahLst/>
              <a:cxnLst/>
              <a:rect l="l" t="t" r="r" b="b"/>
              <a:pathLst>
                <a:path w="571500" h="76200">
                  <a:moveTo>
                    <a:pt x="495300" y="0"/>
                  </a:moveTo>
                  <a:lnTo>
                    <a:pt x="495300" y="76200"/>
                  </a:lnTo>
                  <a:lnTo>
                    <a:pt x="552450" y="47625"/>
                  </a:lnTo>
                  <a:lnTo>
                    <a:pt x="513206" y="47625"/>
                  </a:lnTo>
                  <a:lnTo>
                    <a:pt x="517525" y="43307"/>
                  </a:lnTo>
                  <a:lnTo>
                    <a:pt x="517525" y="32893"/>
                  </a:lnTo>
                  <a:lnTo>
                    <a:pt x="513206" y="28575"/>
                  </a:lnTo>
                  <a:lnTo>
                    <a:pt x="552450" y="28575"/>
                  </a:lnTo>
                  <a:lnTo>
                    <a:pt x="495300" y="0"/>
                  </a:lnTo>
                  <a:close/>
                </a:path>
                <a:path w="571500" h="76200">
                  <a:moveTo>
                    <a:pt x="495300" y="28575"/>
                  </a:moveTo>
                  <a:lnTo>
                    <a:pt x="4317" y="28575"/>
                  </a:lnTo>
                  <a:lnTo>
                    <a:pt x="0" y="32893"/>
                  </a:lnTo>
                  <a:lnTo>
                    <a:pt x="0" y="43307"/>
                  </a:lnTo>
                  <a:lnTo>
                    <a:pt x="4317" y="47625"/>
                  </a:lnTo>
                  <a:lnTo>
                    <a:pt x="495300" y="47625"/>
                  </a:lnTo>
                  <a:lnTo>
                    <a:pt x="495300" y="28575"/>
                  </a:lnTo>
                  <a:close/>
                </a:path>
                <a:path w="571500" h="76200">
                  <a:moveTo>
                    <a:pt x="552450" y="28575"/>
                  </a:moveTo>
                  <a:lnTo>
                    <a:pt x="513206" y="28575"/>
                  </a:lnTo>
                  <a:lnTo>
                    <a:pt x="517525" y="32893"/>
                  </a:lnTo>
                  <a:lnTo>
                    <a:pt x="517525" y="43307"/>
                  </a:lnTo>
                  <a:lnTo>
                    <a:pt x="513206" y="47625"/>
                  </a:lnTo>
                  <a:lnTo>
                    <a:pt x="552450" y="47625"/>
                  </a:lnTo>
                  <a:lnTo>
                    <a:pt x="571500" y="38100"/>
                  </a:lnTo>
                  <a:lnTo>
                    <a:pt x="552450" y="28575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0" name="object 10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8631173" y="3573018"/>
              <a:ext cx="190500" cy="76200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015695" y="2216276"/>
            <a:ext cx="5367020" cy="4446905"/>
          </a:xfrm>
          <a:prstGeom prst="rect">
            <a:avLst/>
          </a:prstGeom>
        </p:spPr>
        <p:txBody>
          <a:bodyPr vert="horz" wrap="square" lIns="0" tIns="68580" rIns="0" bIns="0" rtlCol="0">
            <a:spAutoFit/>
          </a:bodyPr>
          <a:lstStyle/>
          <a:p>
            <a:pPr marL="355600" marR="6350" indent="-343535" algn="just">
              <a:lnSpc>
                <a:spcPts val="1820"/>
              </a:lnSpc>
              <a:spcBef>
                <a:spcPts val="540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210" dirty="0">
                <a:solidFill>
                  <a:srgbClr val="B83C68"/>
                </a:solidFill>
                <a:latin typeface="Lucida Sans Unicode"/>
                <a:cs typeface="Lucida Sans Unicode"/>
              </a:rPr>
              <a:t>  </a:t>
            </a:r>
            <a:r>
              <a:rPr sz="1900" spc="-50" dirty="0">
                <a:solidFill>
                  <a:srgbClr val="404040"/>
                </a:solidFill>
                <a:latin typeface="Times New Roman"/>
                <a:cs typeface="Times New Roman"/>
              </a:rPr>
              <a:t>Two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handshaking lines are "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data valid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", generated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9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19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,</a:t>
            </a:r>
            <a:r>
              <a:rPr sz="19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9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"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ready</a:t>
            </a:r>
            <a:r>
              <a:rPr sz="1900" spc="204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for</a:t>
            </a:r>
            <a:r>
              <a:rPr sz="1900" spc="229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data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"</a:t>
            </a:r>
            <a:r>
              <a:rPr sz="19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d </a:t>
            </a:r>
            <a:r>
              <a:rPr sz="1900" spc="-4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 unit.</a:t>
            </a:r>
            <a:endParaRPr sz="19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ct val="80100"/>
              </a:lnSpc>
              <a:spcBef>
                <a:spcPts val="1015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56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 transfer is initiated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,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so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 does not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place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 on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us until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it receives </a:t>
            </a:r>
            <a:r>
              <a:rPr sz="1900" spc="-45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y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al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5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nable</a:t>
            </a:r>
            <a:r>
              <a:rPr sz="19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y for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4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laces the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4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latin typeface="Times New Roman"/>
                <a:cs typeface="Times New Roman"/>
              </a:rPr>
              <a:t>Then</a:t>
            </a:r>
            <a:r>
              <a:rPr sz="190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enable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the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data</a:t>
            </a:r>
            <a:r>
              <a:rPr sz="1900" spc="-10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valid</a:t>
            </a:r>
            <a:r>
              <a:rPr sz="1900" spc="-15" dirty="0">
                <a:latin typeface="Times New Roman"/>
                <a:cs typeface="Times New Roman"/>
              </a:rPr>
              <a:t> </a:t>
            </a:r>
            <a:r>
              <a:rPr sz="1900" spc="-5" dirty="0">
                <a:latin typeface="Times New Roman"/>
                <a:cs typeface="Times New Roman"/>
              </a:rPr>
              <a:t>signal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5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estinatio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s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1900">
              <a:latin typeface="Times New Roman"/>
              <a:cs typeface="Times New Roman"/>
            </a:endParaRPr>
          </a:p>
          <a:p>
            <a:pPr marL="355600" marR="6350" indent="-343535">
              <a:lnSpc>
                <a:spcPts val="1820"/>
              </a:lnSpc>
              <a:spcBef>
                <a:spcPts val="985"/>
              </a:spcBef>
              <a:tabLst>
                <a:tab pos="354965" algn="l"/>
                <a:tab pos="987425" algn="l"/>
                <a:tab pos="1419225" algn="l"/>
                <a:tab pos="2611120" algn="l"/>
                <a:tab pos="3428365" algn="l"/>
                <a:tab pos="3859529" algn="l"/>
                <a:tab pos="4531360" algn="l"/>
                <a:tab pos="4950460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	the	de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ation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is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bl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y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  signal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 data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ptance.</a:t>
            </a:r>
            <a:endParaRPr sz="1900">
              <a:latin typeface="Times New Roman"/>
              <a:cs typeface="Times New Roman"/>
            </a:endParaRPr>
          </a:p>
          <a:p>
            <a:pPr marL="355600" marR="5715" indent="-343535" algn="just">
              <a:lnSpc>
                <a:spcPct val="80000"/>
              </a:lnSpc>
              <a:spcBef>
                <a:spcPts val="1015"/>
              </a:spcBef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50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Now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source disable the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valid signal which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validate the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n data bus and the system goes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l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e.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015695" y="894334"/>
            <a:ext cx="923864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95" dirty="0">
                <a:latin typeface="Verdana"/>
                <a:cs typeface="Verdana"/>
              </a:rPr>
              <a:t>Destinatio</a:t>
            </a:r>
            <a:r>
              <a:rPr sz="3600" spc="-114" dirty="0">
                <a:latin typeface="Verdana"/>
                <a:cs typeface="Verdana"/>
              </a:rPr>
              <a:t>n</a:t>
            </a:r>
            <a:r>
              <a:rPr sz="3600" spc="-245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Initia</a:t>
            </a:r>
            <a:r>
              <a:rPr sz="3600" spc="-185" dirty="0">
                <a:latin typeface="Verdana"/>
                <a:cs typeface="Verdana"/>
              </a:rPr>
              <a:t>t</a:t>
            </a:r>
            <a:r>
              <a:rPr sz="3600" spc="204" dirty="0">
                <a:latin typeface="Verdana"/>
                <a:cs typeface="Verdana"/>
              </a:rPr>
              <a:t>ed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60" dirty="0">
                <a:latin typeface="Verdana"/>
                <a:cs typeface="Verdana"/>
              </a:rPr>
              <a:t>Handshaking</a:t>
            </a:r>
            <a:endParaRPr sz="3600">
              <a:latin typeface="Verdana"/>
              <a:cs typeface="Verdana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6589776" y="2363722"/>
            <a:ext cx="4859020" cy="4381500"/>
            <a:chOff x="6589776" y="2363722"/>
            <a:chExt cx="4859020" cy="4381500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6589776" y="2363722"/>
              <a:ext cx="4858512" cy="4381498"/>
            </a:xfrm>
            <a:prstGeom prst="rect">
              <a:avLst/>
            </a:prstGeom>
          </p:spPr>
        </p:pic>
        <p:sp>
          <p:nvSpPr>
            <p:cNvPr id="6" name="object 6"/>
            <p:cNvSpPr/>
            <p:nvPr/>
          </p:nvSpPr>
          <p:spPr>
            <a:xfrm>
              <a:off x="9513570" y="3096006"/>
              <a:ext cx="675640" cy="1753870"/>
            </a:xfrm>
            <a:custGeom>
              <a:avLst/>
              <a:gdLst/>
              <a:ahLst/>
              <a:cxnLst/>
              <a:rect l="l" t="t" r="r" b="b"/>
              <a:pathLst>
                <a:path w="675640" h="1753870">
                  <a:moveTo>
                    <a:pt x="0" y="1733550"/>
                  </a:moveTo>
                  <a:lnTo>
                    <a:pt x="0" y="0"/>
                  </a:lnTo>
                </a:path>
                <a:path w="675640" h="1753870">
                  <a:moveTo>
                    <a:pt x="675131" y="1753362"/>
                  </a:moveTo>
                  <a:lnTo>
                    <a:pt x="675131" y="19812"/>
                  </a:lnTo>
                </a:path>
              </a:pathLst>
            </a:custGeom>
            <a:ln w="1905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7" name="object 7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10019157" y="4601717"/>
              <a:ext cx="161925" cy="76200"/>
            </a:xfrm>
            <a:prstGeom prst="rect">
              <a:avLst/>
            </a:prstGeom>
          </p:spPr>
        </p:pic>
        <p:pic>
          <p:nvPicPr>
            <p:cNvPr id="8" name="object 8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9496805" y="4601717"/>
              <a:ext cx="123825" cy="76200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899284" y="1714500"/>
            <a:ext cx="9416415" cy="2854628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 algn="just">
              <a:lnSpc>
                <a:spcPct val="100000"/>
              </a:lnSpc>
              <a:spcBef>
                <a:spcPts val="10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Data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transfer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between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an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face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and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an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/O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device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is </a:t>
            </a:r>
            <a:r>
              <a:rPr sz="24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commonly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controlled</a:t>
            </a:r>
            <a:r>
              <a:rPr sz="24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by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a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set</a:t>
            </a:r>
            <a:r>
              <a:rPr sz="24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of handshaking</a:t>
            </a:r>
            <a:r>
              <a:rPr sz="24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lines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994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ndshaking schem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vides a high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gre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lexibility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becaus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uccessful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ion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dat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relies o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ctive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ipation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both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s.</a:t>
            </a:r>
            <a:endParaRPr sz="2400">
              <a:latin typeface="Times New Roman"/>
              <a:cs typeface="Times New Roman"/>
            </a:endParaRPr>
          </a:p>
          <a:p>
            <a:pPr marL="355600" marR="7620" indent="-342900" algn="just">
              <a:lnSpc>
                <a:spcPct val="100000"/>
              </a:lnSpc>
              <a:spcBef>
                <a:spcPts val="10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f a unit is faulty o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n not b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ed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during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pecified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time</a:t>
            </a:r>
            <a:r>
              <a:rPr sz="24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out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error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generated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94122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60" dirty="0">
                <a:latin typeface="Verdana"/>
                <a:cs typeface="Verdana"/>
              </a:rPr>
              <a:t>Asynchr</a:t>
            </a:r>
            <a:r>
              <a:rPr sz="3600" spc="-80" dirty="0">
                <a:latin typeface="Verdana"/>
                <a:cs typeface="Verdana"/>
              </a:rPr>
              <a:t>o</a:t>
            </a:r>
            <a:r>
              <a:rPr sz="3600" spc="-120" dirty="0">
                <a:latin typeface="Verdana"/>
                <a:cs typeface="Verdana"/>
              </a:rPr>
              <a:t>nous</a:t>
            </a:r>
            <a:r>
              <a:rPr sz="3600" spc="-240" dirty="0">
                <a:latin typeface="Verdana"/>
                <a:cs typeface="Verdana"/>
              </a:rPr>
              <a:t> </a:t>
            </a:r>
            <a:r>
              <a:rPr sz="3600" spc="-220" dirty="0">
                <a:latin typeface="Verdana"/>
                <a:cs typeface="Verdana"/>
              </a:rPr>
              <a:t>Seria</a:t>
            </a:r>
            <a:r>
              <a:rPr sz="3600" spc="-114" dirty="0">
                <a:latin typeface="Verdana"/>
                <a:cs typeface="Verdana"/>
              </a:rPr>
              <a:t>l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65" dirty="0">
                <a:latin typeface="Verdana"/>
                <a:cs typeface="Verdana"/>
              </a:rPr>
              <a:t>Dat</a:t>
            </a:r>
            <a:r>
              <a:rPr sz="3600" spc="75" dirty="0">
                <a:latin typeface="Verdana"/>
                <a:cs typeface="Verdana"/>
              </a:rPr>
              <a:t>a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25" dirty="0">
                <a:latin typeface="Verdana"/>
                <a:cs typeface="Verdana"/>
              </a:rPr>
              <a:t>T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92478" y="2297379"/>
            <a:ext cx="9303385" cy="439674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5600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nsmitter</a:t>
            </a:r>
            <a:r>
              <a:rPr sz="20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ceiver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s</a:t>
            </a:r>
            <a:r>
              <a:rPr sz="20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ir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lock</a:t>
            </a:r>
            <a:r>
              <a:rPr sz="20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equencies</a:t>
            </a:r>
            <a:r>
              <a:rPr sz="20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independently,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ut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y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es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dentical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Generally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dopt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w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pee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ssion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tt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haracte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haract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5600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interval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haract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ix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techniqu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dopt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synchronou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rial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ss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call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FRAMING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echniqu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haracter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arrie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5" dirty="0">
                <a:solidFill>
                  <a:srgbClr val="C00000"/>
                </a:solidFill>
                <a:latin typeface="Times New Roman"/>
                <a:cs typeface="Times New Roman"/>
              </a:rPr>
              <a:t>START</a:t>
            </a:r>
            <a:r>
              <a:rPr sz="2000" spc="-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it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STOP</a:t>
            </a:r>
            <a:r>
              <a:rPr sz="2000" spc="-7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it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o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ssion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tained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igh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voltage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–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MARK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5" dirty="0">
                <a:solidFill>
                  <a:srgbClr val="C00000"/>
                </a:solidFill>
                <a:latin typeface="Times New Roman"/>
                <a:cs typeface="Times New Roman"/>
              </a:rPr>
              <a:t>START</a:t>
            </a:r>
            <a:r>
              <a:rPr sz="2000" spc="-5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i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lway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oltag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Zero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(0)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–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SPAC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ar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i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it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mitt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llow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PARITY</a:t>
            </a:r>
            <a:r>
              <a:rPr sz="2000" spc="-6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it</a:t>
            </a:r>
            <a:r>
              <a:rPr sz="20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STOP</a:t>
            </a:r>
            <a:r>
              <a:rPr sz="2000" spc="-7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it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422019" y="1126671"/>
            <a:ext cx="9597390" cy="1219052"/>
          </a:xfrm>
          <a:prstGeom prst="rect">
            <a:avLst/>
          </a:prstGeom>
        </p:spPr>
        <p:txBody>
          <a:bodyPr vert="horz" wrap="square" lIns="0" tIns="67310" rIns="0" bIns="0" rtlCol="0">
            <a:spAutoFit/>
          </a:bodyPr>
          <a:lstStyle/>
          <a:p>
            <a:pPr marL="355600" marR="5080" indent="-342900">
              <a:lnSpc>
                <a:spcPct val="80000"/>
              </a:lnSpc>
              <a:spcBef>
                <a:spcPts val="53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Parity</a:t>
            </a:r>
            <a:r>
              <a:rPr sz="1800" spc="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bit</a:t>
            </a:r>
            <a:r>
              <a:rPr sz="18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esent.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esent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lways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in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either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Low</a:t>
            </a:r>
            <a:r>
              <a:rPr sz="18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state</a:t>
            </a:r>
            <a:r>
              <a:rPr sz="18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(0)</a:t>
            </a:r>
            <a:r>
              <a:rPr sz="18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r</a:t>
            </a:r>
            <a:r>
              <a:rPr sz="1800" spc="15" dirty="0"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High</a:t>
            </a:r>
            <a:r>
              <a:rPr sz="18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state</a:t>
            </a:r>
            <a:r>
              <a:rPr sz="18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(1) </a:t>
            </a:r>
            <a:r>
              <a:rPr sz="1800" spc="-434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depending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n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Parity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generator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6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15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1800" spc="-150" dirty="0">
                <a:solidFill>
                  <a:srgbClr val="C00000"/>
                </a:solidFill>
                <a:latin typeface="Times New Roman"/>
                <a:cs typeface="Times New Roman"/>
              </a:rPr>
              <a:t>Stop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bit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y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one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bit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m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ore</a:t>
            </a:r>
            <a:r>
              <a:rPr sz="18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bi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t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r>
              <a:rPr sz="1800" spc="-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lwa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High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 sta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te (1)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7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uring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ransmission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data bit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framed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with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tart bit and Stop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its,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Framing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1800">
              <a:latin typeface="Times New Roman"/>
              <a:cs typeface="Times New Roman"/>
            </a:endParaRPr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1649186" y="2498270"/>
            <a:ext cx="9470571" cy="3428999"/>
          </a:xfrm>
          <a:prstGeom prst="rect">
            <a:avLst/>
          </a:prstGeom>
        </p:spPr>
      </p:pic>
    </p:spTree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object 2"/>
          <p:cNvGraphicFramePr>
            <a:graphicFrameLocks noGrp="1"/>
          </p:cNvGraphicFramePr>
          <p:nvPr/>
        </p:nvGraphicFramePr>
        <p:xfrm>
          <a:off x="1191766" y="734787"/>
          <a:ext cx="10172919" cy="4686299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5091298"/>
                <a:gridCol w="5081621"/>
              </a:tblGrid>
              <a:tr h="439279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825"/>
                        </a:spcBef>
                      </a:pPr>
                      <a:r>
                        <a:rPr sz="1450" b="1" spc="400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Synchronous</a:t>
                      </a:r>
                      <a:r>
                        <a:rPr sz="1450" b="1" spc="180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450" b="1" spc="409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Data</a:t>
                      </a:r>
                      <a:r>
                        <a:rPr sz="1450" b="1" spc="190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450" b="1" spc="375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Transfer</a:t>
                      </a:r>
                      <a:endParaRPr sz="1450">
                        <a:latin typeface="Times New Roman"/>
                        <a:cs typeface="Times New Roman"/>
                      </a:endParaRPr>
                    </a:p>
                  </a:txBody>
                  <a:tcPr marL="0" marR="0" marT="104775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ct val="100000"/>
                        </a:lnSpc>
                        <a:spcBef>
                          <a:spcPts val="825"/>
                        </a:spcBef>
                      </a:pPr>
                      <a:r>
                        <a:rPr sz="1450" b="1" spc="405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Asynchronous</a:t>
                      </a:r>
                      <a:r>
                        <a:rPr sz="1450" b="1" spc="175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450" b="1" spc="409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Data</a:t>
                      </a:r>
                      <a:r>
                        <a:rPr sz="1450" b="1" spc="175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450" b="1" spc="375" dirty="0">
                          <a:solidFill>
                            <a:srgbClr val="C00000"/>
                          </a:solidFill>
                          <a:latin typeface="Times New Roman"/>
                          <a:cs typeface="Times New Roman"/>
                        </a:rPr>
                        <a:t>Transfer</a:t>
                      </a:r>
                      <a:endParaRPr sz="1450">
                        <a:latin typeface="Times New Roman"/>
                        <a:cs typeface="Times New Roman"/>
                      </a:endParaRPr>
                    </a:p>
                  </a:txBody>
                  <a:tcPr marL="0" marR="0" marT="104775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586400">
                <a:tc>
                  <a:txBody>
                    <a:bodyPr/>
                    <a:lstStyle/>
                    <a:p>
                      <a:pPr marL="177800">
                        <a:lnSpc>
                          <a:spcPts val="1685"/>
                        </a:lnSpc>
                      </a:pPr>
                      <a:r>
                        <a:rPr sz="1450" b="1" spc="300" dirty="0">
                          <a:latin typeface="Times New Roman"/>
                          <a:cs typeface="Times New Roman"/>
                        </a:rPr>
                        <a:t>1.</a:t>
                      </a:r>
                      <a:r>
                        <a:rPr sz="1450" b="1" spc="4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50" dirty="0">
                          <a:latin typeface="Times New Roman"/>
                          <a:cs typeface="Times New Roman"/>
                        </a:rPr>
                        <a:t>Two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units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shar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60" dirty="0">
                          <a:latin typeface="Times New Roman"/>
                          <a:cs typeface="Times New Roman"/>
                        </a:rPr>
                        <a:t>a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34" dirty="0">
                          <a:latin typeface="Times New Roman"/>
                          <a:cs typeface="Times New Roman"/>
                        </a:rPr>
                        <a:t>commo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clock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685"/>
                        </a:lnSpc>
                      </a:pPr>
                      <a:r>
                        <a:rPr sz="1450" b="1" spc="300" dirty="0">
                          <a:latin typeface="Times New Roman"/>
                          <a:cs typeface="Times New Roman"/>
                        </a:rPr>
                        <a:t>1.</a:t>
                      </a:r>
                      <a:r>
                        <a:rPr sz="1450" b="1" spc="459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50" dirty="0">
                          <a:latin typeface="Times New Roman"/>
                          <a:cs typeface="Times New Roman"/>
                        </a:rPr>
                        <a:t>Two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units</a:t>
                      </a:r>
                      <a:r>
                        <a:rPr sz="1250" b="1" spc="18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are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5" dirty="0">
                          <a:latin typeface="Times New Roman"/>
                          <a:cs typeface="Times New Roman"/>
                        </a:rPr>
                        <a:t>independent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85" dirty="0">
                          <a:latin typeface="Times New Roman"/>
                          <a:cs typeface="Times New Roman"/>
                        </a:rPr>
                        <a:t>and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50" dirty="0">
                          <a:latin typeface="Times New Roman"/>
                          <a:cs typeface="Times New Roman"/>
                        </a:rPr>
                        <a:t>each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17830">
                        <a:lnSpc>
                          <a:spcPct val="100000"/>
                        </a:lnSpc>
                        <a:spcBef>
                          <a:spcPts val="635"/>
                        </a:spcBef>
                      </a:pP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unit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75" dirty="0">
                          <a:latin typeface="Times New Roman"/>
                          <a:cs typeface="Times New Roman"/>
                        </a:rPr>
                        <a:t>will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55" dirty="0">
                          <a:latin typeface="Times New Roman"/>
                          <a:cs typeface="Times New Roman"/>
                        </a:rPr>
                        <a:t>hav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their</a:t>
                      </a:r>
                      <a:r>
                        <a:rPr sz="1250" b="1" spc="15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25" dirty="0">
                          <a:latin typeface="Times New Roman"/>
                          <a:cs typeface="Times New Roman"/>
                        </a:rPr>
                        <a:t>ow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privat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0" dirty="0">
                          <a:latin typeface="Times New Roman"/>
                          <a:cs typeface="Times New Roman"/>
                        </a:rPr>
                        <a:t>clock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842877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2.	</a:t>
                      </a:r>
                      <a:r>
                        <a:rPr sz="1250" b="1" spc="370" dirty="0">
                          <a:latin typeface="Times New Roman"/>
                          <a:cs typeface="Times New Roman"/>
                        </a:rPr>
                        <a:t>Data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transfer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55" dirty="0">
                          <a:latin typeface="Times New Roman"/>
                          <a:cs typeface="Times New Roman"/>
                        </a:rPr>
                        <a:t>between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sender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90" dirty="0">
                          <a:latin typeface="Times New Roman"/>
                          <a:cs typeface="Times New Roman"/>
                        </a:rPr>
                        <a:t>and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99745" marR="89535">
                        <a:lnSpc>
                          <a:spcPts val="2190"/>
                        </a:lnSpc>
                        <a:spcBef>
                          <a:spcPts val="185"/>
                        </a:spcBef>
                      </a:pP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receiver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are</a:t>
                      </a:r>
                      <a:r>
                        <a:rPr sz="1250" b="1" spc="14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synchronized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80" dirty="0">
                          <a:latin typeface="Times New Roman"/>
                          <a:cs typeface="Times New Roman"/>
                        </a:rPr>
                        <a:t>by</a:t>
                      </a:r>
                      <a:r>
                        <a:rPr sz="1250" b="1" spc="15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4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90" dirty="0">
                          <a:latin typeface="Times New Roman"/>
                          <a:cs typeface="Times New Roman"/>
                        </a:rPr>
                        <a:t>same </a:t>
                      </a:r>
                      <a:r>
                        <a:rPr sz="1250" b="1" spc="-30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clock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pulse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2.	</a:t>
                      </a:r>
                      <a:r>
                        <a:rPr sz="1250" b="1" spc="370" dirty="0">
                          <a:latin typeface="Times New Roman"/>
                          <a:cs typeface="Times New Roman"/>
                        </a:rPr>
                        <a:t>Data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transfer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55" dirty="0">
                          <a:latin typeface="Times New Roman"/>
                          <a:cs typeface="Times New Roman"/>
                        </a:rPr>
                        <a:t>between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sender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90" dirty="0">
                          <a:latin typeface="Times New Roman"/>
                          <a:cs typeface="Times New Roman"/>
                        </a:rPr>
                        <a:t>and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17830" marR="536575">
                        <a:lnSpc>
                          <a:spcPts val="2190"/>
                        </a:lnSpc>
                        <a:spcBef>
                          <a:spcPts val="185"/>
                        </a:spcBef>
                      </a:pP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receiver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29" dirty="0">
                          <a:latin typeface="Times New Roman"/>
                          <a:cs typeface="Times New Roman"/>
                        </a:rPr>
                        <a:t>is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not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synchronized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80" dirty="0">
                          <a:latin typeface="Times New Roman"/>
                          <a:cs typeface="Times New Roman"/>
                        </a:rPr>
                        <a:t>by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the </a:t>
                      </a:r>
                      <a:r>
                        <a:rPr sz="1250" b="1" spc="-29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90" dirty="0">
                          <a:latin typeface="Times New Roman"/>
                          <a:cs typeface="Times New Roman"/>
                        </a:rPr>
                        <a:t>sam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clock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pulse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562611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3.	</a:t>
                      </a:r>
                      <a:r>
                        <a:rPr sz="1250" b="1" spc="380" dirty="0">
                          <a:latin typeface="Times New Roman"/>
                          <a:cs typeface="Times New Roman"/>
                        </a:rPr>
                        <a:t>Used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60" dirty="0">
                          <a:latin typeface="Times New Roman"/>
                          <a:cs typeface="Times New Roman"/>
                        </a:rPr>
                        <a:t>between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devices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that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99745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50" b="1" spc="355" dirty="0">
                          <a:latin typeface="Times New Roman"/>
                          <a:cs typeface="Times New Roman"/>
                        </a:rPr>
                        <a:t>matches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in</a:t>
                      </a:r>
                      <a:r>
                        <a:rPr sz="1250" b="1" spc="14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speed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3.	</a:t>
                      </a:r>
                      <a:r>
                        <a:rPr sz="1250" b="1" spc="380" dirty="0">
                          <a:latin typeface="Times New Roman"/>
                          <a:cs typeface="Times New Roman"/>
                        </a:rPr>
                        <a:t>Used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60" dirty="0">
                          <a:latin typeface="Times New Roman"/>
                          <a:cs typeface="Times New Roman"/>
                        </a:rPr>
                        <a:t>betwee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devices</a:t>
                      </a:r>
                      <a:r>
                        <a:rPr sz="1250" b="1" spc="19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that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does</a:t>
                      </a:r>
                      <a:r>
                        <a:rPr sz="1250" b="1" spc="19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not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17830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50" b="1" spc="385" dirty="0">
                          <a:latin typeface="Times New Roman"/>
                          <a:cs typeface="Times New Roman"/>
                        </a:rPr>
                        <a:t>match</a:t>
                      </a:r>
                      <a:r>
                        <a:rPr sz="1250" b="1" spc="15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in</a:t>
                      </a:r>
                      <a:r>
                        <a:rPr sz="1250" b="1" spc="13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speed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842762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4.	</a:t>
                      </a:r>
                      <a:r>
                        <a:rPr sz="1250" b="1" spc="4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time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interval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of</a:t>
                      </a:r>
                      <a:r>
                        <a:rPr sz="1250" b="1" spc="15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5" dirty="0">
                          <a:latin typeface="Times New Roman"/>
                          <a:cs typeface="Times New Roman"/>
                        </a:rPr>
                        <a:t>transmissio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29" dirty="0">
                          <a:latin typeface="Times New Roman"/>
                          <a:cs typeface="Times New Roman"/>
                        </a:rPr>
                        <a:t>is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99745">
                        <a:lnSpc>
                          <a:spcPct val="100000"/>
                        </a:lnSpc>
                        <a:spcBef>
                          <a:spcPts val="700"/>
                        </a:spcBef>
                      </a:pP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constant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(du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34" dirty="0">
                          <a:latin typeface="Times New Roman"/>
                          <a:cs typeface="Times New Roman"/>
                        </a:rPr>
                        <a:t>commo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clock)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4.	</a:t>
                      </a:r>
                      <a:r>
                        <a:rPr sz="1250" b="1" spc="4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time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interval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of</a:t>
                      </a:r>
                      <a:r>
                        <a:rPr sz="1250" b="1" spc="15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5" dirty="0">
                          <a:latin typeface="Times New Roman"/>
                          <a:cs typeface="Times New Roman"/>
                        </a:rPr>
                        <a:t>transmissio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29" dirty="0">
                          <a:latin typeface="Times New Roman"/>
                          <a:cs typeface="Times New Roman"/>
                        </a:rPr>
                        <a:t>is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17830" marR="694690">
                        <a:lnSpc>
                          <a:spcPct val="145800"/>
                        </a:lnSpc>
                        <a:spcBef>
                          <a:spcPts val="10"/>
                        </a:spcBef>
                      </a:pPr>
                      <a:r>
                        <a:rPr sz="1250" b="1" spc="405" dirty="0">
                          <a:latin typeface="Times New Roman"/>
                          <a:cs typeface="Times New Roman"/>
                        </a:rPr>
                        <a:t>random</a:t>
                      </a:r>
                      <a:r>
                        <a:rPr sz="1250" b="1" spc="16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(du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9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250" b="1" spc="18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05" dirty="0">
                          <a:latin typeface="Times New Roman"/>
                          <a:cs typeface="Times New Roman"/>
                        </a:rPr>
                        <a:t>random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34" dirty="0">
                          <a:latin typeface="Times New Roman"/>
                          <a:cs typeface="Times New Roman"/>
                        </a:rPr>
                        <a:t>common </a:t>
                      </a:r>
                      <a:r>
                        <a:rPr sz="1250" b="1" spc="-30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clock)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842831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5.	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Bits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ar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5" dirty="0">
                          <a:latin typeface="Times New Roman"/>
                          <a:cs typeface="Times New Roman"/>
                        </a:rPr>
                        <a:t>transmitted</a:t>
                      </a:r>
                      <a:r>
                        <a:rPr sz="1250" b="1" spc="15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5" dirty="0">
                          <a:latin typeface="Times New Roman"/>
                          <a:cs typeface="Times New Roman"/>
                        </a:rPr>
                        <a:t>continuously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to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99745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50" b="1" spc="360" dirty="0">
                          <a:latin typeface="Times New Roman"/>
                          <a:cs typeface="Times New Roman"/>
                        </a:rPr>
                        <a:t>keep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clock</a:t>
                      </a:r>
                      <a:r>
                        <a:rPr sz="1250" b="1" spc="15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synchronized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5" dirty="0">
                          <a:latin typeface="Times New Roman"/>
                          <a:cs typeface="Times New Roman"/>
                        </a:rPr>
                        <a:t>i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45" dirty="0">
                          <a:latin typeface="Times New Roman"/>
                          <a:cs typeface="Times New Roman"/>
                        </a:rPr>
                        <a:t>both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80" dirty="0">
                          <a:latin typeface="Times New Roman"/>
                          <a:cs typeface="Times New Roman"/>
                        </a:rPr>
                        <a:t>units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5.	</a:t>
                      </a:r>
                      <a:r>
                        <a:rPr sz="1250" b="1" spc="295" dirty="0">
                          <a:latin typeface="Times New Roman"/>
                          <a:cs typeface="Times New Roman"/>
                        </a:rPr>
                        <a:t>Bits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5" dirty="0">
                          <a:latin typeface="Times New Roman"/>
                          <a:cs typeface="Times New Roman"/>
                        </a:rPr>
                        <a:t>are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0" dirty="0">
                          <a:latin typeface="Times New Roman"/>
                          <a:cs typeface="Times New Roman"/>
                        </a:rPr>
                        <a:t>sent</a:t>
                      </a:r>
                      <a:r>
                        <a:rPr sz="1250" b="1" spc="15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only</a:t>
                      </a:r>
                      <a:r>
                        <a:rPr sz="1250" b="1" spc="18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09" dirty="0">
                          <a:latin typeface="Times New Roman"/>
                          <a:cs typeface="Times New Roman"/>
                        </a:rPr>
                        <a:t>whe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20" dirty="0">
                          <a:latin typeface="Times New Roman"/>
                          <a:cs typeface="Times New Roman"/>
                        </a:rPr>
                        <a:t>it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35" dirty="0">
                          <a:latin typeface="Times New Roman"/>
                          <a:cs typeface="Times New Roman"/>
                        </a:rPr>
                        <a:t>is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available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  <a:p>
                      <a:pPr marL="417830" marR="134620">
                        <a:lnSpc>
                          <a:spcPts val="2200"/>
                        </a:lnSpc>
                        <a:spcBef>
                          <a:spcPts val="175"/>
                        </a:spcBef>
                      </a:pPr>
                      <a:r>
                        <a:rPr sz="1250" b="1" spc="390" dirty="0">
                          <a:latin typeface="Times New Roman"/>
                          <a:cs typeface="Times New Roman"/>
                        </a:rPr>
                        <a:t>and</a:t>
                      </a:r>
                      <a:r>
                        <a:rPr sz="1250" b="1" spc="17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2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250" b="1" spc="16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75" dirty="0">
                          <a:latin typeface="Times New Roman"/>
                          <a:cs typeface="Times New Roman"/>
                        </a:rPr>
                        <a:t>lin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50" dirty="0">
                          <a:latin typeface="Times New Roman"/>
                          <a:cs typeface="Times New Roman"/>
                        </a:rPr>
                        <a:t>remains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80" dirty="0">
                          <a:latin typeface="Times New Roman"/>
                          <a:cs typeface="Times New Roman"/>
                        </a:rPr>
                        <a:t>idle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405" dirty="0">
                          <a:latin typeface="Times New Roman"/>
                          <a:cs typeface="Times New Roman"/>
                        </a:rPr>
                        <a:t>when</a:t>
                      </a:r>
                      <a:r>
                        <a:rPr sz="1250" b="1" spc="18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there</a:t>
                      </a:r>
                      <a:r>
                        <a:rPr sz="1250" b="1" spc="18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35" dirty="0">
                          <a:latin typeface="Times New Roman"/>
                          <a:cs typeface="Times New Roman"/>
                        </a:rPr>
                        <a:t>is </a:t>
                      </a:r>
                      <a:r>
                        <a:rPr sz="1250" b="1" spc="-30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information</a:t>
                      </a:r>
                      <a:r>
                        <a:rPr sz="1250" b="1" spc="17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229" dirty="0">
                          <a:latin typeface="Times New Roman"/>
                          <a:cs typeface="Times New Roman"/>
                        </a:rPr>
                        <a:t>is</a:t>
                      </a:r>
                      <a:r>
                        <a:rPr sz="1250" b="1" spc="18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250" b="1" spc="315" dirty="0">
                          <a:latin typeface="Times New Roman"/>
                          <a:cs typeface="Times New Roman"/>
                        </a:rPr>
                        <a:t>transmitted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284077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6.	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Fast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6.	</a:t>
                      </a:r>
                      <a:r>
                        <a:rPr sz="1250" b="1" spc="330" dirty="0">
                          <a:latin typeface="Times New Roman"/>
                          <a:cs typeface="Times New Roman"/>
                        </a:rPr>
                        <a:t>Slow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285462">
                <a:tc>
                  <a:txBody>
                    <a:bodyPr/>
                    <a:lstStyle/>
                    <a:p>
                      <a:pPr marL="177800">
                        <a:lnSpc>
                          <a:spcPts val="1460"/>
                        </a:lnSpc>
                        <a:tabLst>
                          <a:tab pos="499745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7.	</a:t>
                      </a:r>
                      <a:r>
                        <a:rPr sz="1250" b="1" spc="300" dirty="0">
                          <a:latin typeface="Times New Roman"/>
                          <a:cs typeface="Times New Roman"/>
                        </a:rPr>
                        <a:t>Costly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9525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96520">
                        <a:lnSpc>
                          <a:spcPts val="1460"/>
                        </a:lnSpc>
                        <a:tabLst>
                          <a:tab pos="417830" algn="l"/>
                        </a:tabLst>
                      </a:pPr>
                      <a:r>
                        <a:rPr sz="1250" b="1" spc="270" dirty="0">
                          <a:latin typeface="Times New Roman"/>
                          <a:cs typeface="Times New Roman"/>
                        </a:rPr>
                        <a:t>7.	</a:t>
                      </a:r>
                      <a:r>
                        <a:rPr sz="1250" b="1" spc="340" dirty="0">
                          <a:latin typeface="Times New Roman"/>
                          <a:cs typeface="Times New Roman"/>
                        </a:rPr>
                        <a:t>Economical.</a:t>
                      </a:r>
                      <a:endParaRPr sz="125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9525">
                      <a:solidFill>
                        <a:srgbClr val="000000"/>
                      </a:solidFill>
                      <a:prstDash val="solid"/>
                    </a:lnL>
                    <a:lnR w="6350">
                      <a:solidFill>
                        <a:srgbClr val="000000"/>
                      </a:solidFill>
                      <a:prstDash val="solid"/>
                    </a:lnR>
                    <a:lnT w="6350">
                      <a:solidFill>
                        <a:srgbClr val="000000"/>
                      </a:solidFill>
                      <a:prstDash val="solid"/>
                    </a:lnT>
                    <a:lnB w="6350">
                      <a:solidFill>
                        <a:srgbClr val="000000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</a:tr>
            </a:tbl>
          </a:graphicData>
        </a:graphic>
      </p:graphicFrame>
    </p:spTree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708151" y="886409"/>
            <a:ext cx="5787390" cy="11208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20" dirty="0">
                <a:latin typeface="Verdana"/>
                <a:cs typeface="Verdana"/>
              </a:rPr>
              <a:t>Communication</a:t>
            </a:r>
            <a:r>
              <a:rPr sz="3600" spc="-300" dirty="0">
                <a:latin typeface="Verdana"/>
                <a:cs typeface="Verdana"/>
              </a:rPr>
              <a:t> </a:t>
            </a:r>
            <a:r>
              <a:rPr sz="3600" spc="-55" dirty="0">
                <a:latin typeface="Verdana"/>
                <a:cs typeface="Verdana"/>
              </a:rPr>
              <a:t>Interfac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110792" y="2138933"/>
            <a:ext cx="5488305" cy="82804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erial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ynchronous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synchronous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C</a:t>
            </a:r>
            <a:r>
              <a:rPr sz="1800" spc="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8251A</a:t>
            </a:r>
            <a:r>
              <a:rPr sz="1800" spc="2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3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able</a:t>
            </a:r>
            <a:r>
              <a:rPr sz="1800" spc="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hip</a:t>
            </a:r>
            <a:r>
              <a:rPr sz="18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esigned</a:t>
            </a:r>
            <a:r>
              <a:rPr sz="18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2984119" y="2941065"/>
            <a:ext cx="361378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718185" algn="l"/>
                <a:tab pos="2350135" algn="l"/>
                <a:tab pos="3220720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hr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ous	serial	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a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110792" y="2941065"/>
            <a:ext cx="1849755" cy="97663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4965" marR="508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ynchronous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uni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o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25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in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5" dirty="0">
                <a:solidFill>
                  <a:srgbClr val="404040"/>
                </a:solidFill>
                <a:latin typeface="Times New Roman"/>
                <a:cs typeface="Times New Roman"/>
              </a:rPr>
              <a:t>DIP.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1110792" y="4018229"/>
            <a:ext cx="2830830" cy="167258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cludes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ive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locks.</a:t>
            </a:r>
            <a:endParaRPr sz="1800">
              <a:latin typeface="Times New Roman"/>
              <a:cs typeface="Times New Roman"/>
            </a:endParaRPr>
          </a:p>
          <a:p>
            <a:pPr marL="551815" indent="-343535">
              <a:lnSpc>
                <a:spcPct val="100000"/>
              </a:lnSpc>
              <a:spcBef>
                <a:spcPts val="5"/>
              </a:spcBef>
              <a:buClr>
                <a:srgbClr val="B83C68"/>
              </a:buClr>
              <a:buSzPct val="80555"/>
              <a:buFont typeface="Wingdings"/>
              <a:buChar char=""/>
              <a:tabLst>
                <a:tab pos="551815" algn="l"/>
                <a:tab pos="552450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buffer</a:t>
            </a:r>
            <a:endParaRPr sz="1800">
              <a:latin typeface="Times New Roman"/>
              <a:cs typeface="Times New Roman"/>
            </a:endParaRPr>
          </a:p>
          <a:p>
            <a:pPr marL="551815" indent="-343535">
              <a:lnSpc>
                <a:spcPct val="100000"/>
              </a:lnSpc>
              <a:buClr>
                <a:srgbClr val="B83C68"/>
              </a:buClr>
              <a:buSzPct val="80555"/>
              <a:buFont typeface="Wingdings"/>
              <a:buChar char=""/>
              <a:tabLst>
                <a:tab pos="551815" algn="l"/>
                <a:tab pos="552450" algn="l"/>
              </a:tabLst>
            </a:pP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Read/Write</a:t>
            </a:r>
            <a:r>
              <a:rPr sz="18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ogic</a:t>
            </a:r>
            <a:endParaRPr sz="1800">
              <a:latin typeface="Times New Roman"/>
              <a:cs typeface="Times New Roman"/>
            </a:endParaRPr>
          </a:p>
          <a:p>
            <a:pPr marL="551815" indent="-343535">
              <a:lnSpc>
                <a:spcPct val="100000"/>
              </a:lnSpc>
              <a:buClr>
                <a:srgbClr val="B83C68"/>
              </a:buClr>
              <a:buSzPct val="80555"/>
              <a:buFont typeface="Wingdings"/>
              <a:buChar char=""/>
              <a:tabLst>
                <a:tab pos="551815" algn="l"/>
                <a:tab pos="552450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Modem</a:t>
            </a:r>
            <a:r>
              <a:rPr sz="18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endParaRPr sz="1800">
              <a:latin typeface="Times New Roman"/>
              <a:cs typeface="Times New Roman"/>
            </a:endParaRPr>
          </a:p>
          <a:p>
            <a:pPr marL="551815" indent="-343535">
              <a:lnSpc>
                <a:spcPct val="100000"/>
              </a:lnSpc>
              <a:buClr>
                <a:srgbClr val="B83C68"/>
              </a:buClr>
              <a:buSzPct val="80555"/>
              <a:buFont typeface="Wingdings"/>
              <a:buChar char=""/>
              <a:tabLst>
                <a:tab pos="551815" algn="l"/>
                <a:tab pos="552450" algn="l"/>
              </a:tabLst>
            </a:pP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nsmitter</a:t>
            </a:r>
            <a:endParaRPr sz="1800">
              <a:latin typeface="Times New Roman"/>
              <a:cs typeface="Times New Roman"/>
            </a:endParaRPr>
          </a:p>
          <a:p>
            <a:pPr marL="551815" indent="-343535">
              <a:lnSpc>
                <a:spcPct val="100000"/>
              </a:lnSpc>
              <a:buClr>
                <a:srgbClr val="B83C68"/>
              </a:buClr>
              <a:buSzPct val="80555"/>
              <a:buFont typeface="Wingdings"/>
              <a:buChar char=""/>
              <a:tabLst>
                <a:tab pos="551815" algn="l"/>
                <a:tab pos="552450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ceiv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7" name="object 7"/>
          <p:cNvSpPr txBox="1"/>
          <p:nvPr/>
        </p:nvSpPr>
        <p:spPr>
          <a:xfrm>
            <a:off x="5380101" y="5791606"/>
            <a:ext cx="121793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ynchronous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8" name="object 8"/>
          <p:cNvSpPr txBox="1"/>
          <p:nvPr/>
        </p:nvSpPr>
        <p:spPr>
          <a:xfrm>
            <a:off x="1110792" y="5791606"/>
            <a:ext cx="168973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4965" marR="5080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  <a:tab pos="769620" algn="l"/>
                <a:tab pos="1195070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lso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hronous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9" name="object 9"/>
          <p:cNvSpPr txBox="1"/>
          <p:nvPr/>
        </p:nvSpPr>
        <p:spPr>
          <a:xfrm>
            <a:off x="2933826" y="5791606"/>
            <a:ext cx="219773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7145" marR="5080" indent="-5080">
              <a:lnSpc>
                <a:spcPct val="100000"/>
              </a:lnSpc>
              <a:spcBef>
                <a:spcPts val="100"/>
              </a:spcBef>
              <a:tabLst>
                <a:tab pos="832485" algn="l"/>
                <a:tab pos="1297305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lled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iv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rsal  Receiver</a:t>
            </a:r>
            <a:endParaRPr sz="1800">
              <a:latin typeface="Times New Roman"/>
              <a:cs typeface="Times New Roman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3915283" y="6065926"/>
            <a:ext cx="268478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504825" algn="l"/>
                <a:tab pos="1728470" algn="l"/>
              </a:tabLst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	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nsmitter	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(USART).</a:t>
            </a:r>
            <a:endParaRPr sz="1800">
              <a:latin typeface="Times New Roman"/>
              <a:cs typeface="Times New Roman"/>
            </a:endParaRPr>
          </a:p>
        </p:txBody>
      </p:sp>
      <p:pic>
        <p:nvPicPr>
          <p:cNvPr id="11" name="object 11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678168" y="473962"/>
            <a:ext cx="5029200" cy="6312406"/>
          </a:xfrm>
          <a:prstGeom prst="rect">
            <a:avLst/>
          </a:prstGeom>
        </p:spPr>
      </p:pic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838200" y="437244"/>
            <a:ext cx="10515600" cy="463550"/>
          </a:xfrm>
        </p:spPr>
        <p:txBody>
          <a:bodyPr/>
          <a:lstStyle/>
          <a:p>
            <a:r>
              <a:rPr lang="en-US" dirty="0">
                <a:sym typeface="+mn-ea"/>
              </a:rPr>
              <a:t> Computer Architecture</a:t>
            </a:r>
            <a:endParaRPr lang="en-IN" altLang="en-US" dirty="0"/>
          </a:p>
        </p:txBody>
      </p:sp>
      <p:sp>
        <p:nvSpPr>
          <p:cNvPr id="9" name="Content Placeholder 8">
            <a:extLst>
              <a:ext uri="{FF2B5EF4-FFF2-40B4-BE49-F238E27FC236}">
                <a16:creationId xmlns="" xmlns:a16="http://schemas.microsoft.com/office/drawing/2014/main" id="{D36A1756-0141-A371-60E8-FA530D9C94E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Computer architecture refers to the </a:t>
            </a:r>
            <a:r>
              <a:rPr lang="en-US" sz="2000" b="1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design of the internal workings of a computer system</a:t>
            </a:r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, including the CPU, memory, and other hardware components. </a:t>
            </a:r>
          </a:p>
          <a:p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It involves  the </a:t>
            </a:r>
            <a:r>
              <a:rPr lang="en-US" sz="2000" dirty="0">
                <a:solidFill>
                  <a:srgbClr val="2732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ogical functions such as </a:t>
            </a:r>
            <a:r>
              <a:rPr lang="en-US" sz="2000" b="1" dirty="0">
                <a:solidFill>
                  <a:srgbClr val="2732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struction sets, Data types, Registers and Addressing modes</a:t>
            </a:r>
            <a:r>
              <a:rPr lang="en-US" sz="2000" b="1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 Computer architecture is concerned with </a:t>
            </a:r>
            <a:r>
              <a:rPr lang="en-US" sz="2000" b="1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optimizing the performance of a computer system </a:t>
            </a:r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and ensuring that it can </a:t>
            </a:r>
            <a:r>
              <a:rPr lang="en-US" sz="2000" b="1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execute instructions quickly and efficiently</a:t>
            </a:r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Computer Architecture is also called </a:t>
            </a:r>
            <a:r>
              <a:rPr lang="en-US" b="1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Instruction Set Architecture </a:t>
            </a:r>
            <a:r>
              <a:rPr lang="en-US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(ISA).</a:t>
            </a:r>
            <a:endParaRPr lang="en-US" b="0" i="0" dirty="0">
              <a:effectLst/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IN" dirty="0"/>
          </a:p>
        </p:txBody>
      </p:sp>
    </p:spTree>
    <p:custDataLst>
      <p:tags r:id="rId1"/>
    </p:custData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157731" y="877315"/>
            <a:ext cx="48021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04" dirty="0">
                <a:latin typeface="Verdana"/>
                <a:cs typeface="Verdana"/>
              </a:rPr>
              <a:t>Interrupt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87017" y="2240660"/>
            <a:ext cx="9541510" cy="44811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7620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ust</a:t>
            </a:r>
            <a:r>
              <a:rPr sz="18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have</a:t>
            </a:r>
            <a:r>
              <a:rPr sz="18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18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ans</a:t>
            </a:r>
            <a:r>
              <a:rPr sz="18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ordinate</a:t>
            </a:r>
            <a:r>
              <a:rPr sz="18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18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ctivities</a:t>
            </a:r>
            <a:r>
              <a:rPr sz="18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18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external</a:t>
            </a:r>
            <a:r>
              <a:rPr sz="18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18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nnected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.</a:t>
            </a:r>
            <a:endParaRPr sz="18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ccepting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haracters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keyboard,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needs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know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new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haracter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en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typed.</a:t>
            </a:r>
            <a:endParaRPr sz="1800">
              <a:latin typeface="Times New Roman"/>
              <a:cs typeface="Times New Roman"/>
            </a:endParaRPr>
          </a:p>
          <a:p>
            <a:pPr marL="355600" marR="6350" indent="-3429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Similarly,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uring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put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,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hould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end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 character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inter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printer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y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ccept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.</a:t>
            </a:r>
            <a:endParaRPr sz="1800">
              <a:latin typeface="Times New Roman"/>
              <a:cs typeface="Times New Roman"/>
            </a:endParaRPr>
          </a:p>
          <a:p>
            <a:pPr marL="355600" marR="8255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1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urrent</a:t>
            </a:r>
            <a:r>
              <a:rPr sz="1800" spc="1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us</a:t>
            </a:r>
            <a:r>
              <a:rPr sz="18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18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18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18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nected</a:t>
            </a:r>
            <a:r>
              <a:rPr sz="18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1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8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dicated</a:t>
            </a:r>
            <a:r>
              <a:rPr sz="18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800" spc="1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18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1800" spc="1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its</a:t>
            </a:r>
            <a:r>
              <a:rPr sz="18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formation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rogram</a:t>
            </a:r>
            <a:r>
              <a:rPr sz="18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un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ithin</a:t>
            </a:r>
            <a:r>
              <a:rPr sz="18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oll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esting</a:t>
            </a:r>
            <a:r>
              <a:rPr sz="18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us</a:t>
            </a:r>
            <a:r>
              <a:rPr sz="18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its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before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18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18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18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uring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olling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erio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CPU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oes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erform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useful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ation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an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lternativ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rrangement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/O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evic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ready,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t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ill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lert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CPU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ossibl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ending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ignal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nterrupt.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33932" y="1518557"/>
            <a:ext cx="4090670" cy="1552348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5080" indent="-342900" algn="just">
              <a:lnSpc>
                <a:spcPct val="100000"/>
              </a:lnSpc>
              <a:spcBef>
                <a:spcPts val="10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An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 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a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signal </a:t>
            </a:r>
            <a:r>
              <a:rPr sz="2000" spc="-5" dirty="0">
                <a:solidFill>
                  <a:srgbClr val="273139"/>
                </a:solidFill>
                <a:latin typeface="Times New Roman"/>
                <a:cs typeface="Times New Roman"/>
              </a:rPr>
              <a:t>emitted </a:t>
            </a:r>
            <a:r>
              <a:rPr sz="2000" spc="5" dirty="0">
                <a:solidFill>
                  <a:srgbClr val="273139"/>
                </a:solidFill>
                <a:latin typeface="Times New Roman"/>
                <a:cs typeface="Times New Roman"/>
              </a:rPr>
              <a:t>by </a:t>
            </a:r>
            <a:r>
              <a:rPr sz="2000" spc="10" dirty="0">
                <a:solidFill>
                  <a:srgbClr val="273139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73139"/>
                </a:solidFill>
                <a:latin typeface="Times New Roman"/>
                <a:cs typeface="Times New Roman"/>
              </a:rPr>
              <a:t>hardware or software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that requests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the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processor 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suspend 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its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current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execution and service the occurred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interrupt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3183382" y="3961257"/>
            <a:ext cx="2138680" cy="6356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R="5080" algn="r">
              <a:lnSpc>
                <a:spcPct val="100000"/>
              </a:lnSpc>
              <a:spcBef>
                <a:spcPts val="100"/>
              </a:spcBef>
              <a:tabLst>
                <a:tab pos="621665" algn="l"/>
                <a:tab pos="1804035" algn="l"/>
              </a:tabLst>
            </a:pP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the	</a:t>
            </a:r>
            <a:r>
              <a:rPr sz="2000" spc="-20" dirty="0">
                <a:solidFill>
                  <a:srgbClr val="212121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nt</a:t>
            </a:r>
            <a:r>
              <a:rPr sz="2000" spc="-15" dirty="0">
                <a:solidFill>
                  <a:srgbClr val="212121"/>
                </a:solidFill>
                <a:latin typeface="Times New Roman"/>
                <a:cs typeface="Times New Roman"/>
              </a:rPr>
              <a:t>e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rr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upt	</a:t>
            </a:r>
            <a:r>
              <a:rPr sz="2000" spc="-20" dirty="0">
                <a:solidFill>
                  <a:srgbClr val="212121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he</a:t>
            </a:r>
            <a:endParaRPr sz="2000">
              <a:latin typeface="Times New Roman"/>
              <a:cs typeface="Times New Roman"/>
            </a:endParaRPr>
          </a:p>
          <a:p>
            <a:pPr marR="5080" algn="r">
              <a:lnSpc>
                <a:spcPct val="100000"/>
              </a:lnSpc>
            </a:pP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3331209" y="4266057"/>
            <a:ext cx="1993264" cy="6356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executes</a:t>
            </a:r>
            <a:endParaRPr sz="2000">
              <a:latin typeface="Times New Roman"/>
              <a:cs typeface="Times New Roman"/>
            </a:endParaRPr>
          </a:p>
          <a:p>
            <a:pPr marL="48895">
              <a:lnSpc>
                <a:spcPct val="100000"/>
              </a:lnSpc>
              <a:tabLst>
                <a:tab pos="1260475" algn="l"/>
              </a:tabLst>
            </a:pP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int</a:t>
            </a:r>
            <a:r>
              <a:rPr sz="2000" spc="-20" dirty="0">
                <a:solidFill>
                  <a:srgbClr val="212121"/>
                </a:solidFill>
                <a:latin typeface="Times New Roman"/>
                <a:cs typeface="Times New Roman"/>
              </a:rPr>
              <a:t>e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r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rupt	se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r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vice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233932" y="3961257"/>
            <a:ext cx="1819910" cy="124587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  <a:tab pos="93281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75" dirty="0">
                <a:solidFill>
                  <a:srgbClr val="212121"/>
                </a:solidFill>
                <a:latin typeface="Times New Roman"/>
                <a:cs typeface="Times New Roman"/>
              </a:rPr>
              <a:t>To	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service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processor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c</a:t>
            </a:r>
            <a:r>
              <a:rPr sz="2000" spc="-10" dirty="0">
                <a:solidFill>
                  <a:srgbClr val="212121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r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r</a:t>
            </a:r>
            <a:r>
              <a:rPr sz="2000" spc="-15" dirty="0">
                <a:solidFill>
                  <a:srgbClr val="212121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sp</a:t>
            </a:r>
            <a:r>
              <a:rPr sz="2000" spc="-15" dirty="0">
                <a:solidFill>
                  <a:srgbClr val="212121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ndi</a:t>
            </a:r>
            <a:r>
              <a:rPr sz="2000" spc="-15" dirty="0">
                <a:solidFill>
                  <a:srgbClr val="212121"/>
                </a:solidFill>
                <a:latin typeface="Times New Roman"/>
                <a:cs typeface="Times New Roman"/>
              </a:rPr>
              <a:t>n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g  routine</a:t>
            </a:r>
            <a:r>
              <a:rPr sz="2000" spc="-8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(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ISR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)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1233932" y="5308853"/>
            <a:ext cx="4090670" cy="12452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 algn="just">
              <a:lnSpc>
                <a:spcPct val="100000"/>
              </a:lnSpc>
              <a:spcBef>
                <a:spcPts val="10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After the execution of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service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routine,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the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processor 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resumes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the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12121"/>
                </a:solidFill>
                <a:latin typeface="Times New Roman"/>
                <a:cs typeface="Times New Roman"/>
              </a:rPr>
              <a:t>execution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 of</a:t>
            </a:r>
            <a:r>
              <a:rPr sz="20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the </a:t>
            </a:r>
            <a:r>
              <a:rPr sz="2000" spc="-484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suspended</a:t>
            </a:r>
            <a:r>
              <a:rPr sz="2000" spc="-4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12121"/>
                </a:solidFill>
                <a:latin typeface="Times New Roman"/>
                <a:cs typeface="Times New Roman"/>
              </a:rPr>
              <a:t>program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7" name="object 7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5878286" y="1526830"/>
            <a:ext cx="4718957" cy="3290098"/>
          </a:xfrm>
          <a:prstGeom prst="rect">
            <a:avLst/>
          </a:prstGeom>
        </p:spPr>
      </p:pic>
    </p:spTree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5795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95" dirty="0">
                <a:latin typeface="Verdana"/>
                <a:cs typeface="Verdana"/>
              </a:rPr>
              <a:t>Types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55" dirty="0">
                <a:latin typeface="Verdana"/>
                <a:cs typeface="Verdana"/>
              </a:rPr>
              <a:t>o</a:t>
            </a:r>
            <a:r>
              <a:rPr sz="3600" spc="-140" dirty="0">
                <a:latin typeface="Verdana"/>
                <a:cs typeface="Verdana"/>
              </a:rPr>
              <a:t>f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700" dirty="0">
                <a:latin typeface="Verdana"/>
                <a:cs typeface="Verdana"/>
              </a:rPr>
              <a:t>I</a:t>
            </a:r>
            <a:r>
              <a:rPr sz="3600" spc="-135" dirty="0">
                <a:latin typeface="Verdana"/>
                <a:cs typeface="Verdana"/>
              </a:rPr>
              <a:t>nterrupt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545716" y="2095652"/>
            <a:ext cx="8825865" cy="460375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9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04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There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are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two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types</a:t>
            </a:r>
            <a:r>
              <a:rPr sz="2200" spc="-2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rupt.</a:t>
            </a:r>
            <a:endParaRPr sz="2200">
              <a:latin typeface="Times New Roman"/>
              <a:cs typeface="Times New Roman"/>
            </a:endParaRPr>
          </a:p>
          <a:p>
            <a:pPr marL="733425" indent="-343535" algn="just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4060" algn="l"/>
              </a:tabLst>
            </a:pP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Hardware Interrupt</a:t>
            </a:r>
            <a:endParaRPr sz="2200">
              <a:latin typeface="Times New Roman"/>
              <a:cs typeface="Times New Roman"/>
            </a:endParaRPr>
          </a:p>
          <a:p>
            <a:pPr marL="733425" indent="-343535" algn="just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79545"/>
              <a:buFont typeface="Wingdings"/>
              <a:buChar char=""/>
              <a:tabLst>
                <a:tab pos="734060" algn="l"/>
              </a:tabLst>
            </a:pP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Software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rupt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b="1" spc="-10" dirty="0">
                <a:solidFill>
                  <a:srgbClr val="C00000"/>
                </a:solidFill>
                <a:latin typeface="Times New Roman"/>
                <a:cs typeface="Times New Roman"/>
              </a:rPr>
              <a:t>Hardware</a:t>
            </a:r>
            <a:r>
              <a:rPr sz="2200" b="1" spc="3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b="1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:</a:t>
            </a:r>
            <a:r>
              <a:rPr sz="2200" spc="34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f</a:t>
            </a:r>
            <a:r>
              <a:rPr sz="2200" spc="34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the</a:t>
            </a:r>
            <a:r>
              <a:rPr sz="2200" spc="33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signal</a:t>
            </a:r>
            <a:r>
              <a:rPr sz="2200" spc="33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for</a:t>
            </a:r>
            <a:r>
              <a:rPr sz="2200" spc="33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the</a:t>
            </a:r>
            <a:r>
              <a:rPr sz="2200" spc="3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processor</a:t>
            </a:r>
            <a:r>
              <a:rPr sz="2200" spc="32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s</a:t>
            </a:r>
            <a:r>
              <a:rPr sz="2200" spc="3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from</a:t>
            </a:r>
            <a:r>
              <a:rPr sz="2200" spc="3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external</a:t>
            </a:r>
            <a:r>
              <a:rPr sz="2200" spc="33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or</a:t>
            </a:r>
            <a:endParaRPr sz="22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nal</a:t>
            </a:r>
            <a:r>
              <a:rPr sz="2200" spc="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device</a:t>
            </a:r>
            <a:r>
              <a:rPr sz="2200" spc="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or</a:t>
            </a:r>
            <a:r>
              <a:rPr sz="2200" spc="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hardware</a:t>
            </a:r>
            <a:r>
              <a:rPr sz="2200" spc="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s</a:t>
            </a:r>
            <a:r>
              <a:rPr sz="2200" spc="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called</a:t>
            </a:r>
            <a:r>
              <a:rPr sz="2200" spc="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hardware</a:t>
            </a:r>
            <a:r>
              <a:rPr sz="2200" spc="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rupt.</a:t>
            </a:r>
            <a:endParaRPr sz="2200">
              <a:latin typeface="Times New Roman"/>
              <a:cs typeface="Times New Roman"/>
            </a:endParaRPr>
          </a:p>
          <a:p>
            <a:pPr marL="355600" marR="5715" indent="-342900" algn="just">
              <a:lnSpc>
                <a:spcPct val="100000"/>
              </a:lnSpc>
              <a:spcBef>
                <a:spcPts val="100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Example: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From keyboard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we will press the 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key to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do 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some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action, 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this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 pressing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key in keyboard will generate a signal which is given to the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processor</a:t>
            </a:r>
            <a:r>
              <a:rPr sz="2200" spc="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 do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action,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such interrupt</a:t>
            </a:r>
            <a:r>
              <a:rPr sz="2200" spc="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s</a:t>
            </a:r>
            <a:r>
              <a:rPr sz="2200" spc="-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hardware</a:t>
            </a:r>
            <a:r>
              <a:rPr sz="2200" spc="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rupt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0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6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Hardware</a:t>
            </a:r>
            <a:r>
              <a:rPr sz="2200" spc="48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interrupt</a:t>
            </a:r>
            <a:r>
              <a:rPr sz="2200" spc="50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may</a:t>
            </a:r>
            <a:r>
              <a:rPr sz="2200" spc="49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be</a:t>
            </a:r>
            <a:r>
              <a:rPr sz="2200" spc="47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generated</a:t>
            </a:r>
            <a:r>
              <a:rPr sz="2200" spc="49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from</a:t>
            </a:r>
            <a:r>
              <a:rPr sz="2200" spc="459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external</a:t>
            </a:r>
            <a:r>
              <a:rPr sz="2200" spc="484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device/hardware</a:t>
            </a:r>
            <a:r>
              <a:rPr sz="2200" spc="47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or</a:t>
            </a:r>
            <a:endParaRPr sz="22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  <a:spcBef>
                <a:spcPts val="5"/>
              </a:spcBef>
            </a:pP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nternal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device/hardware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So,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it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292929"/>
                </a:solidFill>
                <a:latin typeface="Times New Roman"/>
                <a:cs typeface="Times New Roman"/>
              </a:rPr>
              <a:t>may</a:t>
            </a:r>
            <a:r>
              <a:rPr sz="2200" spc="3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be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External</a:t>
            </a:r>
            <a:r>
              <a:rPr sz="22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2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292929"/>
                </a:solidFill>
                <a:latin typeface="Times New Roman"/>
                <a:cs typeface="Times New Roman"/>
              </a:rPr>
              <a:t>or</a:t>
            </a:r>
            <a:r>
              <a:rPr sz="2200" spc="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nal</a:t>
            </a:r>
            <a:r>
              <a:rPr sz="2200" spc="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200" spc="-5" dirty="0">
                <a:solidFill>
                  <a:srgbClr val="292929"/>
                </a:solidFill>
                <a:latin typeface="Times New Roman"/>
                <a:cs typeface="Times New Roman"/>
              </a:rPr>
              <a:t>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683257" y="2338527"/>
            <a:ext cx="8957310" cy="63627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External</a:t>
            </a:r>
            <a:r>
              <a:rPr sz="2000" b="1" spc="36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:</a:t>
            </a:r>
            <a:r>
              <a:rPr sz="2000" spc="3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3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es</a:t>
            </a:r>
            <a:r>
              <a:rPr sz="2000" spc="3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3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s,</a:t>
            </a:r>
            <a:r>
              <a:rPr sz="2000" spc="3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ing</a:t>
            </a:r>
            <a:r>
              <a:rPr sz="2000" spc="3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,</a:t>
            </a:r>
            <a:r>
              <a:rPr sz="2000" spc="3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ower</a:t>
            </a:r>
            <a:r>
              <a:rPr sz="2000" spc="3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ailure</a:t>
            </a:r>
            <a:r>
              <a:rPr sz="2000" spc="3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ternal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rdware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683257" y="3014218"/>
            <a:ext cx="1341755" cy="33083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Example: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3512311" y="2947771"/>
            <a:ext cx="3905885" cy="151066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>
              <a:lnSpc>
                <a:spcPct val="122000"/>
              </a:lnSpc>
              <a:spcBef>
                <a:spcPts val="100"/>
              </a:spcBef>
            </a:pP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I/O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device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request</a:t>
            </a:r>
            <a:r>
              <a:rPr sz="2000" spc="-6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for</a:t>
            </a:r>
            <a:r>
              <a:rPr sz="2000" spc="-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transfer</a:t>
            </a:r>
            <a:r>
              <a:rPr sz="2000" spc="-4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of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data. </a:t>
            </a:r>
            <a:r>
              <a:rPr sz="2000" spc="-484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I/O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device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finished</a:t>
            </a:r>
            <a:r>
              <a:rPr sz="2000" spc="-5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transfer</a:t>
            </a:r>
            <a:r>
              <a:rPr sz="2000" spc="-4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of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15"/>
              </a:spcBef>
            </a:pP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Elapse</a:t>
            </a:r>
            <a:r>
              <a:rPr sz="2000" spc="-3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of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 time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of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an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event</a:t>
            </a:r>
            <a:r>
              <a:rPr sz="2000" spc="-3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–</a:t>
            </a:r>
            <a:r>
              <a:rPr sz="2000" spc="-4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Time</a:t>
            </a:r>
            <a:r>
              <a:rPr sz="2000" spc="5" dirty="0">
                <a:solidFill>
                  <a:srgbClr val="292929"/>
                </a:solidFill>
                <a:latin typeface="Times New Roman"/>
                <a:cs typeface="Times New Roman"/>
              </a:rPr>
              <a:t> out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20"/>
              </a:spcBef>
            </a:pP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Power</a:t>
            </a:r>
            <a:r>
              <a:rPr sz="2000" spc="-3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failure</a:t>
            </a:r>
            <a:r>
              <a:rPr sz="2000" spc="-5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etc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683257" y="4559934"/>
            <a:ext cx="8959215" cy="6356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Internal</a:t>
            </a:r>
            <a:r>
              <a:rPr sz="2000" b="1" spc="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: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rises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llegal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rroneous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y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verflow/underflow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dition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1683257" y="5234762"/>
            <a:ext cx="1341755" cy="33147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Example: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7" name="object 7"/>
          <p:cNvSpPr txBox="1"/>
          <p:nvPr/>
        </p:nvSpPr>
        <p:spPr>
          <a:xfrm>
            <a:off x="3512311" y="5169543"/>
            <a:ext cx="3466465" cy="113919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 marR="5080">
              <a:lnSpc>
                <a:spcPct val="121800"/>
              </a:lnSpc>
              <a:spcBef>
                <a:spcPts val="95"/>
              </a:spcBef>
            </a:pP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Register 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overflow/underflow. 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Stack/Queue</a:t>
            </a:r>
            <a:r>
              <a:rPr sz="2000" spc="-5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overflow/underflow. </a:t>
            </a:r>
            <a:r>
              <a:rPr sz="2000" spc="-484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Attempt</a:t>
            </a:r>
            <a:r>
              <a:rPr sz="2000" spc="-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divide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by</a:t>
            </a:r>
            <a:r>
              <a:rPr sz="2000" spc="-2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zero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8" name="object 8"/>
          <p:cNvSpPr txBox="1"/>
          <p:nvPr/>
        </p:nvSpPr>
        <p:spPr>
          <a:xfrm>
            <a:off x="3512311" y="6347866"/>
            <a:ext cx="2730500" cy="3308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Invalid</a:t>
            </a:r>
            <a:r>
              <a:rPr sz="2000" spc="-6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operation</a:t>
            </a:r>
            <a:r>
              <a:rPr sz="2000" spc="-4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code</a:t>
            </a:r>
            <a:r>
              <a:rPr sz="20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292929"/>
                </a:solidFill>
                <a:latin typeface="Times New Roman"/>
                <a:cs typeface="Times New Roman"/>
              </a:rPr>
              <a:t>etc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460118" y="1126672"/>
            <a:ext cx="9741281" cy="4307589"/>
          </a:xfrm>
          <a:prstGeom prst="rect">
            <a:avLst/>
          </a:prstGeom>
        </p:spPr>
        <p:txBody>
          <a:bodyPr vert="horz" wrap="square" lIns="0" tIns="10287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8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2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292929"/>
                </a:solidFill>
                <a:latin typeface="Times New Roman"/>
                <a:cs typeface="Times New Roman"/>
              </a:rPr>
              <a:t>The</a:t>
            </a:r>
            <a:r>
              <a:rPr sz="2400" spc="-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92929"/>
                </a:solidFill>
                <a:latin typeface="Times New Roman"/>
                <a:cs typeface="Times New Roman"/>
              </a:rPr>
              <a:t>hardware</a:t>
            </a:r>
            <a:r>
              <a:rPr sz="2400" spc="-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92929"/>
                </a:solidFill>
                <a:latin typeface="Times New Roman"/>
                <a:cs typeface="Times New Roman"/>
              </a:rPr>
              <a:t>interrupts</a:t>
            </a:r>
            <a:r>
              <a:rPr sz="2400" spc="-2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292929"/>
                </a:solidFill>
                <a:latin typeface="Times New Roman"/>
                <a:cs typeface="Times New Roman"/>
              </a:rPr>
              <a:t>may</a:t>
            </a:r>
            <a:r>
              <a:rPr sz="2400" spc="1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92929"/>
                </a:solidFill>
                <a:latin typeface="Times New Roman"/>
                <a:cs typeface="Times New Roman"/>
              </a:rPr>
              <a:t>be</a:t>
            </a:r>
            <a:r>
              <a:rPr sz="24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92929"/>
                </a:solidFill>
                <a:latin typeface="Times New Roman"/>
                <a:cs typeface="Times New Roman"/>
              </a:rPr>
              <a:t>maskable</a:t>
            </a:r>
            <a:r>
              <a:rPr sz="2400" spc="-10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92929"/>
                </a:solidFill>
                <a:latin typeface="Times New Roman"/>
                <a:cs typeface="Times New Roman"/>
              </a:rPr>
              <a:t>or </a:t>
            </a:r>
            <a:r>
              <a:rPr sz="2400" spc="-5" dirty="0">
                <a:solidFill>
                  <a:srgbClr val="292929"/>
                </a:solidFill>
                <a:latin typeface="Times New Roman"/>
                <a:cs typeface="Times New Roman"/>
              </a:rPr>
              <a:t>non-maskable.</a:t>
            </a:r>
            <a:endParaRPr sz="2400">
              <a:latin typeface="Times New Roman"/>
              <a:cs typeface="Times New Roman"/>
            </a:endParaRPr>
          </a:p>
          <a:p>
            <a:pPr marL="355600" marR="6350" indent="-342900" algn="just">
              <a:lnSpc>
                <a:spcPts val="2590"/>
              </a:lnSpc>
              <a:spcBef>
                <a:spcPts val="103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Maskable Interrupt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: The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hardware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at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can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be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ignored </a:t>
            </a:r>
            <a:r>
              <a:rPr sz="2400" spc="-15" dirty="0">
                <a:solidFill>
                  <a:srgbClr val="212121"/>
                </a:solidFill>
                <a:latin typeface="Times New Roman"/>
                <a:cs typeface="Times New Roman"/>
              </a:rPr>
              <a:t>or 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delayed for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some time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f the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processor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s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executing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a program with </a:t>
            </a:r>
            <a:r>
              <a:rPr sz="24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higher</a:t>
            </a:r>
            <a:r>
              <a:rPr sz="24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priority</a:t>
            </a:r>
            <a:r>
              <a:rPr sz="2400" spc="-2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are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 termed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as</a:t>
            </a:r>
            <a:r>
              <a:rPr sz="24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maskable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nterrupts.</a:t>
            </a:r>
            <a:endParaRPr sz="2400">
              <a:latin typeface="Times New Roman"/>
              <a:cs typeface="Times New Roman"/>
            </a:endParaRPr>
          </a:p>
          <a:p>
            <a:pPr marL="355600" marR="6350" indent="-342900" algn="just">
              <a:lnSpc>
                <a:spcPts val="2590"/>
              </a:lnSpc>
              <a:spcBef>
                <a:spcPts val="101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26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is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type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of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s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entertained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by the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CPU just after completion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of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current</a:t>
            </a:r>
            <a:r>
              <a:rPr sz="2400" spc="-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execution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ts val="2590"/>
              </a:lnSpc>
              <a:spcBef>
                <a:spcPts val="100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Non-Maskable</a:t>
            </a:r>
            <a:r>
              <a:rPr sz="2400" b="1" spc="3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:</a:t>
            </a:r>
            <a:r>
              <a:rPr sz="2400" spc="3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2400" spc="3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hardware</a:t>
            </a:r>
            <a:r>
              <a:rPr sz="2400" spc="3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s</a:t>
            </a:r>
            <a:r>
              <a:rPr sz="2400" spc="3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at</a:t>
            </a:r>
            <a:r>
              <a:rPr sz="2400" spc="3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can</a:t>
            </a:r>
            <a:r>
              <a:rPr sz="2400" spc="33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neither </a:t>
            </a:r>
            <a:r>
              <a:rPr sz="2400" spc="-59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be ignored nor delayed and 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must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 immediately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be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serviced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by the </a:t>
            </a:r>
            <a:r>
              <a:rPr sz="24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processor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 are</a:t>
            </a:r>
            <a:r>
              <a:rPr sz="24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termed</a:t>
            </a:r>
            <a:r>
              <a:rPr sz="2400" spc="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as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non-maskable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nterrupts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ts val="2735"/>
              </a:lnSpc>
              <a:spcBef>
                <a:spcPts val="67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40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When</a:t>
            </a:r>
            <a:r>
              <a:rPr sz="2400" spc="36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a</a:t>
            </a:r>
            <a:r>
              <a:rPr sz="2400" spc="36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non-maskable</a:t>
            </a:r>
            <a:r>
              <a:rPr sz="2400" spc="36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interrupt</a:t>
            </a:r>
            <a:r>
              <a:rPr sz="2400" spc="37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arises,</a:t>
            </a:r>
            <a:r>
              <a:rPr sz="2400" spc="36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2400" spc="36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CPU</a:t>
            </a:r>
            <a:r>
              <a:rPr sz="2400" spc="35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suddenly</a:t>
            </a:r>
            <a:r>
              <a:rPr sz="2400" spc="36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stops</a:t>
            </a:r>
            <a:r>
              <a:rPr sz="2400" spc="36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endParaRPr sz="2400">
              <a:latin typeface="Times New Roman"/>
              <a:cs typeface="Times New Roman"/>
            </a:endParaRPr>
          </a:p>
          <a:p>
            <a:pPr marL="355600" algn="just">
              <a:lnSpc>
                <a:spcPts val="2735"/>
              </a:lnSpc>
            </a:pP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current</a:t>
            </a:r>
            <a:r>
              <a:rPr sz="24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execution</a:t>
            </a:r>
            <a:r>
              <a:rPr sz="2400" spc="-5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and</a:t>
            </a:r>
            <a:r>
              <a:rPr sz="2400" spc="-15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212121"/>
                </a:solidFill>
                <a:latin typeface="Times New Roman"/>
                <a:cs typeface="Times New Roman"/>
              </a:rPr>
              <a:t>jumps</a:t>
            </a:r>
            <a:r>
              <a:rPr sz="2400" spc="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o</a:t>
            </a:r>
            <a:r>
              <a:rPr sz="2400" spc="-2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entertain</a:t>
            </a:r>
            <a:r>
              <a:rPr sz="2400" spc="-4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212121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212121"/>
                </a:solidFill>
                <a:latin typeface="Times New Roman"/>
                <a:cs typeface="Times New Roman"/>
              </a:rPr>
              <a:t>interrupt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02842" y="865415"/>
            <a:ext cx="10096529" cy="4731423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Software</a:t>
            </a:r>
            <a:r>
              <a:rPr sz="2000" b="1" spc="-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b="1" dirty="0">
                <a:solidFill>
                  <a:srgbClr val="C00000"/>
                </a:solidFill>
                <a:latin typeface="Times New Roman"/>
                <a:cs typeface="Times New Roman"/>
              </a:rPr>
              <a:t>Interrupts</a:t>
            </a:r>
            <a:r>
              <a:rPr sz="2000" dirty="0">
                <a:solidFill>
                  <a:srgbClr val="292929"/>
                </a:solidFill>
                <a:latin typeface="Times New Roman"/>
                <a:cs typeface="Times New Roman"/>
              </a:rPr>
              <a:t>:</a:t>
            </a:r>
            <a:r>
              <a:rPr sz="2000" spc="-155" dirty="0">
                <a:solidFill>
                  <a:srgbClr val="292929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ftwar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initiat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ecuting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.</a:t>
            </a:r>
            <a:endParaRPr sz="2000">
              <a:latin typeface="Times New Roman"/>
              <a:cs typeface="Times New Roman"/>
            </a:endParaRPr>
          </a:p>
          <a:p>
            <a:pPr marL="354965" marR="635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ype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er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dure</a:t>
            </a:r>
            <a:r>
              <a:rPr sz="20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t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sire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oin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gram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oftware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pecial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ALL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ehaves</a:t>
            </a:r>
            <a:r>
              <a:rPr sz="20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ke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ather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n</a:t>
            </a:r>
            <a:r>
              <a:rPr sz="20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endParaRPr sz="2000">
              <a:latin typeface="Times New Roman"/>
              <a:cs typeface="Times New Roman"/>
            </a:endParaRPr>
          </a:p>
          <a:p>
            <a:pPr marL="354965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ubroutine</a:t>
            </a:r>
            <a:r>
              <a:rPr sz="2000" spc="-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he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 interrupt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initiate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rvic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outin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ISR)</a:t>
            </a:r>
            <a:r>
              <a:rPr sz="2000" spc="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ecut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ay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0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hooses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ranch</a:t>
            </a:r>
            <a:r>
              <a:rPr sz="20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0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rvice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outine,</a:t>
            </a:r>
            <a:r>
              <a:rPr sz="20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endParaRPr sz="2000">
              <a:latin typeface="Times New Roman"/>
              <a:cs typeface="Times New Roman"/>
            </a:endParaRPr>
          </a:p>
          <a:p>
            <a:pPr marL="354965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No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ector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Vector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rupt.</a:t>
            </a:r>
            <a:endParaRPr sz="2000">
              <a:latin typeface="Times New Roman"/>
              <a:cs typeface="Times New Roman"/>
            </a:endParaRPr>
          </a:p>
          <a:p>
            <a:pPr marL="354965" marR="5080" indent="-342900">
              <a:lnSpc>
                <a:spcPct val="100000"/>
              </a:lnSpc>
              <a:spcBef>
                <a:spcPts val="101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b="1" spc="5" dirty="0">
                <a:solidFill>
                  <a:srgbClr val="C00000"/>
                </a:solidFill>
                <a:latin typeface="Times New Roman"/>
                <a:cs typeface="Times New Roman"/>
              </a:rPr>
              <a:t>Non</a:t>
            </a:r>
            <a:r>
              <a:rPr sz="2000" b="1" spc="4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b="1" spc="-5" dirty="0">
                <a:solidFill>
                  <a:srgbClr val="C00000"/>
                </a:solidFill>
                <a:latin typeface="Times New Roman"/>
                <a:cs typeface="Times New Roman"/>
              </a:rPr>
              <a:t>vectored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:</a:t>
            </a:r>
            <a:r>
              <a:rPr sz="20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se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ranch</a:t>
            </a:r>
            <a:r>
              <a:rPr sz="20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ssigned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ixed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ocation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her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rresponding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S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or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b="1" spc="-25" dirty="0">
                <a:solidFill>
                  <a:srgbClr val="C00000"/>
                </a:solidFill>
                <a:latin typeface="Times New Roman"/>
                <a:cs typeface="Times New Roman"/>
              </a:rPr>
              <a:t>Vector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:</a:t>
            </a:r>
            <a:r>
              <a:rPr sz="2000" spc="-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ourc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interrup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upplie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ranch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comput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000" spc="-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vector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/>
          <p:nvPr/>
        </p:nvSpPr>
        <p:spPr>
          <a:xfrm>
            <a:off x="1533905" y="4086605"/>
            <a:ext cx="9372600" cy="0"/>
          </a:xfrm>
          <a:custGeom>
            <a:avLst/>
            <a:gdLst/>
            <a:ahLst/>
            <a:cxnLst/>
            <a:rect l="l" t="t" r="r" b="b"/>
            <a:pathLst>
              <a:path w="9372600">
                <a:moveTo>
                  <a:pt x="0" y="0"/>
                </a:moveTo>
                <a:lnTo>
                  <a:pt x="9372600" y="0"/>
                </a:lnTo>
              </a:path>
            </a:pathLst>
          </a:custGeom>
          <a:ln w="38100">
            <a:solidFill>
              <a:srgbClr val="B83C68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923268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75" dirty="0">
                <a:latin typeface="Verdana"/>
                <a:cs typeface="Verdana"/>
              </a:rPr>
              <a:t>Modes</a:t>
            </a:r>
            <a:r>
              <a:rPr sz="3600" spc="-295" dirty="0">
                <a:latin typeface="Verdana"/>
                <a:cs typeface="Verdana"/>
              </a:rPr>
              <a:t> </a:t>
            </a:r>
            <a:r>
              <a:rPr sz="3600" spc="15" dirty="0">
                <a:latin typeface="Verdana"/>
                <a:cs typeface="Verdana"/>
              </a:rPr>
              <a:t>of</a:t>
            </a:r>
            <a:r>
              <a:rPr sz="3600" spc="-285" dirty="0">
                <a:latin typeface="Verdana"/>
                <a:cs typeface="Verdana"/>
              </a:rPr>
              <a:t> </a:t>
            </a:r>
            <a:r>
              <a:rPr sz="3600" spc="70" dirty="0">
                <a:latin typeface="Verdana"/>
                <a:cs typeface="Verdana"/>
              </a:rPr>
              <a:t>Data</a:t>
            </a:r>
            <a:r>
              <a:rPr sz="3600" spc="-280" dirty="0">
                <a:latin typeface="Verdana"/>
                <a:cs typeface="Verdana"/>
              </a:rPr>
              <a:t> </a:t>
            </a:r>
            <a:r>
              <a:rPr sz="3600" spc="-225" dirty="0">
                <a:latin typeface="Verdana"/>
                <a:cs typeface="Verdana"/>
              </a:rPr>
              <a:t>T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917319" y="1926771"/>
            <a:ext cx="9333067" cy="397801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4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4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ndled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variety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s.</a:t>
            </a:r>
            <a:endParaRPr sz="2400">
              <a:latin typeface="Times New Roman"/>
              <a:cs typeface="Times New Roman"/>
            </a:endParaRPr>
          </a:p>
          <a:p>
            <a:pPr marL="355600" marR="8255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24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mediate</a:t>
            </a:r>
            <a:r>
              <a:rPr sz="24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th,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ther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irectly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memory</a:t>
            </a:r>
            <a:r>
              <a:rPr sz="24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4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eripherals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4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ndled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4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endParaRPr sz="24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ree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ossible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s.</a:t>
            </a:r>
            <a:endParaRPr sz="24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79166"/>
              <a:buFont typeface="Wingdings"/>
              <a:buChar char=""/>
              <a:tabLst>
                <a:tab pos="734060" algn="l"/>
              </a:tabLst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ed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endParaRPr sz="24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166"/>
              <a:buFont typeface="Wingdings"/>
              <a:buChar char=""/>
              <a:tabLst>
                <a:tab pos="73406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4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itiated</a:t>
            </a:r>
            <a:r>
              <a:rPr sz="24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endParaRPr sz="24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79166"/>
              <a:buFont typeface="Wingdings"/>
              <a:buChar char=""/>
              <a:tabLst>
                <a:tab pos="73406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irect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-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(DMA)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3786504" cy="11208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65" dirty="0">
                <a:latin typeface="Verdana"/>
                <a:cs typeface="Verdana"/>
              </a:rPr>
              <a:t>Program</a:t>
            </a:r>
            <a:r>
              <a:rPr sz="3600" spc="-120" dirty="0">
                <a:latin typeface="Verdana"/>
                <a:cs typeface="Verdana"/>
              </a:rPr>
              <a:t>m</a:t>
            </a:r>
            <a:r>
              <a:rPr sz="3600" spc="204" dirty="0">
                <a:latin typeface="Verdana"/>
                <a:cs typeface="Verdana"/>
              </a:rPr>
              <a:t>ed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165" dirty="0">
                <a:latin typeface="Verdana"/>
                <a:cs typeface="Verdana"/>
              </a:rPr>
              <a:t>I/O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165906"/>
            <a:ext cx="9636760" cy="2678938"/>
          </a:xfrm>
          <a:prstGeom prst="rect">
            <a:avLst/>
          </a:prstGeom>
        </p:spPr>
        <p:txBody>
          <a:bodyPr vert="horz" wrap="square" lIns="0" tIns="13843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9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7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e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ions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 result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 operation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ritte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59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at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item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itiat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program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Exampl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: In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hi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se,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/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 does not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have direct access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memory unit.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/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requires the executio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veral instruction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CPU,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cluding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pu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struction 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stor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000">
              <a:latin typeface="Times New Roman"/>
              <a:cs typeface="Times New Roman"/>
            </a:endParaRPr>
          </a:p>
          <a:p>
            <a:pPr marL="355600" marR="17780" indent="-342900" algn="just">
              <a:lnSpc>
                <a:spcPct val="100000"/>
              </a:lnSpc>
              <a:spcBef>
                <a:spcPts val="1000"/>
              </a:spcBef>
            </a:pP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233932" y="4588329"/>
            <a:ext cx="7813675" cy="450123"/>
          </a:xfrm>
          <a:prstGeom prst="rect">
            <a:avLst/>
          </a:prstGeom>
        </p:spPr>
        <p:txBody>
          <a:bodyPr vert="horz" wrap="square" lIns="0" tIns="14097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 smtClean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suming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nc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eedlessly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keep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busy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233932" y="5437415"/>
            <a:ext cx="6338570" cy="320601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tuatio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void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interrupt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facility.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8" name="object 8"/>
          <p:cNvSpPr txBox="1"/>
          <p:nvPr/>
        </p:nvSpPr>
        <p:spPr>
          <a:xfrm>
            <a:off x="9781413" y="6364325"/>
            <a:ext cx="800735" cy="4527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>
              <a:lnSpc>
                <a:spcPct val="100000"/>
              </a:lnSpc>
              <a:spcBef>
                <a:spcPts val="100"/>
              </a:spcBef>
            </a:pPr>
            <a:r>
              <a:rPr sz="1400" b="1" spc="-5" dirty="0">
                <a:latin typeface="Times New Roman"/>
                <a:cs typeface="Times New Roman"/>
              </a:rPr>
              <a:t>ADD </a:t>
            </a:r>
            <a:r>
              <a:rPr sz="1400" b="1" dirty="0">
                <a:latin typeface="Times New Roman"/>
                <a:cs typeface="Times New Roman"/>
              </a:rPr>
              <a:t> </a:t>
            </a:r>
            <a:r>
              <a:rPr sz="1400" b="1" spc="-5" dirty="0">
                <a:latin typeface="Times New Roman"/>
                <a:cs typeface="Times New Roman"/>
              </a:rPr>
              <a:t>STORE</a:t>
            </a:r>
            <a:r>
              <a:rPr sz="1400" b="1" spc="-80" dirty="0">
                <a:latin typeface="Times New Roman"/>
                <a:cs typeface="Times New Roman"/>
              </a:rPr>
              <a:t> </a:t>
            </a:r>
            <a:r>
              <a:rPr sz="1400" b="1" dirty="0">
                <a:latin typeface="Times New Roman"/>
                <a:cs typeface="Times New Roman"/>
              </a:rPr>
              <a:t>X</a:t>
            </a:r>
            <a:endParaRPr sz="1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9151039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10" dirty="0">
                <a:latin typeface="Verdana"/>
                <a:cs typeface="Verdana"/>
              </a:rPr>
              <a:t>Interrup</a:t>
            </a:r>
            <a:r>
              <a:rPr sz="3600" spc="-155" dirty="0">
                <a:latin typeface="Verdana"/>
                <a:cs typeface="Verdana"/>
              </a:rPr>
              <a:t>t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Initia</a:t>
            </a:r>
            <a:r>
              <a:rPr sz="3600" spc="-185" dirty="0">
                <a:latin typeface="Verdana"/>
                <a:cs typeface="Verdana"/>
              </a:rPr>
              <a:t>t</a:t>
            </a:r>
            <a:r>
              <a:rPr sz="3600" spc="204" dirty="0">
                <a:latin typeface="Verdana"/>
                <a:cs typeface="Verdana"/>
              </a:rPr>
              <a:t>ed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165" dirty="0">
                <a:latin typeface="Verdana"/>
                <a:cs typeface="Verdana"/>
              </a:rPr>
              <a:t>I/O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431416" y="2183409"/>
            <a:ext cx="9208770" cy="4476115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09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programmed</a:t>
            </a:r>
            <a:r>
              <a:rPr sz="22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/O,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remain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usy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unnecessarily.</a:t>
            </a:r>
            <a:endParaRPr sz="2200">
              <a:latin typeface="Times New Roman"/>
              <a:cs typeface="Times New Roman"/>
            </a:endParaRPr>
          </a:p>
          <a:p>
            <a:pPr marL="355600" marR="8255" indent="-3429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1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tuation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very</a:t>
            </a:r>
            <a:r>
              <a:rPr sz="22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ell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voided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riven</a:t>
            </a:r>
            <a:r>
              <a:rPr sz="22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 </a:t>
            </a:r>
            <a:r>
              <a:rPr sz="2200" spc="-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 algn="just">
              <a:lnSpc>
                <a:spcPct val="100000"/>
              </a:lnSpc>
              <a:spcBef>
                <a:spcPts val="101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 the interfac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determines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 i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ready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 data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,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nterrupt</a:t>
            </a:r>
            <a:r>
              <a:rPr sz="22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request</a:t>
            </a:r>
            <a:r>
              <a:rPr sz="22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gn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 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2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antime</a:t>
            </a:r>
            <a:r>
              <a:rPr sz="22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CPU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ed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ther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0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pon detection of an external interrupt signal the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mentarily stops th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urrent task, the control branches to a service routine to proces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nsfer,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an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tur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sk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a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riginally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ing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1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04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But</a:t>
            </a:r>
            <a:r>
              <a:rPr sz="2200" spc="15" dirty="0">
                <a:latin typeface="Times New Roman"/>
                <a:cs typeface="Times New Roman"/>
              </a:rPr>
              <a:t> </a:t>
            </a:r>
            <a:r>
              <a:rPr sz="2200" spc="5" dirty="0">
                <a:latin typeface="Times New Roman"/>
                <a:cs typeface="Times New Roman"/>
              </a:rPr>
              <a:t>what</a:t>
            </a:r>
            <a:r>
              <a:rPr sz="2200" spc="15" dirty="0">
                <a:latin typeface="Times New Roman"/>
                <a:cs typeface="Times New Roman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if</a:t>
            </a:r>
            <a:r>
              <a:rPr sz="2200" spc="25" dirty="0">
                <a:latin typeface="Times New Roman"/>
                <a:cs typeface="Times New Roman"/>
              </a:rPr>
              <a:t> </a:t>
            </a:r>
            <a:r>
              <a:rPr sz="2200" spc="5" dirty="0">
                <a:latin typeface="Times New Roman"/>
                <a:cs typeface="Times New Roman"/>
              </a:rPr>
              <a:t>multiple</a:t>
            </a:r>
            <a:r>
              <a:rPr sz="2200" spc="35" dirty="0">
                <a:latin typeface="Times New Roman"/>
                <a:cs typeface="Times New Roman"/>
              </a:rPr>
              <a:t> </a:t>
            </a:r>
            <a:r>
              <a:rPr sz="2200" spc="5" dirty="0">
                <a:latin typeface="Times New Roman"/>
                <a:cs typeface="Times New Roman"/>
              </a:rPr>
              <a:t>devices</a:t>
            </a:r>
            <a:r>
              <a:rPr sz="2200" spc="15" dirty="0">
                <a:latin typeface="Times New Roman"/>
                <a:cs typeface="Times New Roman"/>
              </a:rPr>
              <a:t> </a:t>
            </a:r>
            <a:r>
              <a:rPr sz="2200" spc="5" dirty="0">
                <a:latin typeface="Times New Roman"/>
                <a:cs typeface="Times New Roman"/>
              </a:rPr>
              <a:t>generate</a:t>
            </a:r>
            <a:r>
              <a:rPr sz="2200" spc="25" dirty="0">
                <a:latin typeface="Times New Roman"/>
                <a:cs typeface="Times New Roman"/>
              </a:rPr>
              <a:t> </a:t>
            </a:r>
            <a:r>
              <a:rPr sz="2200" spc="5" dirty="0">
                <a:latin typeface="Times New Roman"/>
                <a:cs typeface="Times New Roman"/>
              </a:rPr>
              <a:t>interrupts</a:t>
            </a:r>
            <a:r>
              <a:rPr sz="2200" spc="20" dirty="0">
                <a:latin typeface="Times New Roman"/>
                <a:cs typeface="Times New Roman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simultaneously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95146" y="2187313"/>
            <a:ext cx="9349105" cy="4309745"/>
          </a:xfrm>
          <a:prstGeom prst="rect">
            <a:avLst/>
          </a:prstGeom>
        </p:spPr>
        <p:txBody>
          <a:bodyPr vert="horz" wrap="square" lIns="0" tIns="13970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1100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3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In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at</a:t>
            </a:r>
            <a:r>
              <a:rPr sz="2100" spc="3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case,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re</a:t>
            </a:r>
            <a:r>
              <a:rPr sz="2100" spc="3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must</a:t>
            </a:r>
            <a:r>
              <a:rPr sz="2100" spc="4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have</a:t>
            </a:r>
            <a:r>
              <a:rPr sz="2100" spc="3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a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way</a:t>
            </a:r>
            <a:r>
              <a:rPr sz="2100" spc="3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o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decide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which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interrupt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is</a:t>
            </a:r>
            <a:r>
              <a:rPr sz="2100" spc="1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o</a:t>
            </a:r>
            <a:r>
              <a:rPr sz="2100" spc="1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be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erviced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first.</a:t>
            </a:r>
            <a:endParaRPr sz="2100">
              <a:latin typeface="Times New Roman"/>
              <a:cs typeface="Times New Roman"/>
            </a:endParaRPr>
          </a:p>
          <a:p>
            <a:pPr marL="355600" marR="9525" indent="-343535" algn="just">
              <a:lnSpc>
                <a:spcPct val="100000"/>
              </a:lnSpc>
              <a:spcBef>
                <a:spcPts val="1000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-1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In</a:t>
            </a:r>
            <a:r>
              <a:rPr sz="2100" spc="5" dirty="0">
                <a:latin typeface="Times New Roman"/>
                <a:cs typeface="Times New Roman"/>
              </a:rPr>
              <a:t> other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words,</a:t>
            </a:r>
            <a:r>
              <a:rPr sz="2100" spc="5" dirty="0">
                <a:latin typeface="Times New Roman"/>
                <a:cs typeface="Times New Roman"/>
              </a:rPr>
              <a:t> the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priority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must</a:t>
            </a:r>
            <a:r>
              <a:rPr sz="2100" spc="5" dirty="0">
                <a:latin typeface="Times New Roman"/>
                <a:cs typeface="Times New Roman"/>
              </a:rPr>
              <a:t> be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assigned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o</a:t>
            </a:r>
            <a:r>
              <a:rPr sz="2100" spc="10" dirty="0">
                <a:latin typeface="Times New Roman"/>
                <a:cs typeface="Times New Roman"/>
              </a:rPr>
              <a:t> all</a:t>
            </a:r>
            <a:r>
              <a:rPr sz="2100" spc="1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  devices  for  </a:t>
            </a:r>
            <a:r>
              <a:rPr sz="2100" dirty="0">
                <a:latin typeface="Times New Roman"/>
                <a:cs typeface="Times New Roman"/>
              </a:rPr>
              <a:t>systemic </a:t>
            </a:r>
            <a:r>
              <a:rPr sz="2100" spc="5" dirty="0">
                <a:latin typeface="Times New Roman"/>
                <a:cs typeface="Times New Roman"/>
              </a:rPr>
              <a:t> interrupt </a:t>
            </a:r>
            <a:r>
              <a:rPr sz="2100" spc="10" dirty="0">
                <a:latin typeface="Times New Roman"/>
                <a:cs typeface="Times New Roman"/>
              </a:rPr>
              <a:t>servicing.</a:t>
            </a:r>
            <a:endParaRPr sz="2100">
              <a:latin typeface="Times New Roman"/>
              <a:cs typeface="Times New Roman"/>
            </a:endParaRPr>
          </a:p>
          <a:p>
            <a:pPr marL="355600" marR="6350" indent="-343535" algn="just">
              <a:lnSpc>
                <a:spcPct val="100000"/>
              </a:lnSpc>
              <a:spcBef>
                <a:spcPts val="1005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-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spc="13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concept</a:t>
            </a:r>
            <a:r>
              <a:rPr sz="2100" spc="13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of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defining</a:t>
            </a:r>
            <a:r>
              <a:rPr sz="2100" spc="14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spc="1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priority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among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devices</a:t>
            </a:r>
            <a:r>
              <a:rPr sz="2100" spc="125" dirty="0">
                <a:latin typeface="Times New Roman"/>
                <a:cs typeface="Times New Roman"/>
              </a:rPr>
              <a:t> </a:t>
            </a:r>
            <a:r>
              <a:rPr sz="2100" spc="-5" dirty="0">
                <a:latin typeface="Times New Roman"/>
                <a:cs typeface="Times New Roman"/>
              </a:rPr>
              <a:t>so</a:t>
            </a:r>
            <a:r>
              <a:rPr sz="2100" spc="10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as</a:t>
            </a:r>
            <a:r>
              <a:rPr sz="2100" spc="12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to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know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which</a:t>
            </a:r>
            <a:r>
              <a:rPr sz="2100" spc="1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one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is</a:t>
            </a:r>
            <a:r>
              <a:rPr sz="2100" spc="114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to </a:t>
            </a:r>
            <a:r>
              <a:rPr sz="2100" spc="-51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be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erviced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first</a:t>
            </a:r>
            <a:r>
              <a:rPr sz="2100" spc="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in</a:t>
            </a:r>
            <a:r>
              <a:rPr sz="2100" spc="5" dirty="0">
                <a:latin typeface="Times New Roman"/>
                <a:cs typeface="Times New Roman"/>
              </a:rPr>
              <a:t> case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of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imultaneous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requests</a:t>
            </a:r>
            <a:r>
              <a:rPr sz="2100" spc="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is</a:t>
            </a:r>
            <a:r>
              <a:rPr sz="2100" spc="5" dirty="0">
                <a:latin typeface="Times New Roman"/>
                <a:cs typeface="Times New Roman"/>
              </a:rPr>
              <a:t> called  </a:t>
            </a:r>
            <a:r>
              <a:rPr sz="2100" spc="5" dirty="0">
                <a:solidFill>
                  <a:srgbClr val="C00000"/>
                </a:solidFill>
                <a:latin typeface="Times New Roman"/>
                <a:cs typeface="Times New Roman"/>
              </a:rPr>
              <a:t>priority  interrupt </a:t>
            </a:r>
            <a:r>
              <a:rPr sz="21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100" dirty="0">
                <a:solidFill>
                  <a:srgbClr val="C00000"/>
                </a:solidFill>
                <a:latin typeface="Times New Roman"/>
                <a:cs typeface="Times New Roman"/>
              </a:rPr>
              <a:t>system.</a:t>
            </a:r>
            <a:endParaRPr sz="2100">
              <a:latin typeface="Times New Roman"/>
              <a:cs typeface="Times New Roman"/>
            </a:endParaRPr>
          </a:p>
          <a:p>
            <a:pPr marL="355600" marR="7620" indent="-343535" algn="just">
              <a:lnSpc>
                <a:spcPct val="100000"/>
              </a:lnSpc>
              <a:spcBef>
                <a:spcPts val="1000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-1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Generally devices </a:t>
            </a:r>
            <a:r>
              <a:rPr sz="2100" dirty="0">
                <a:latin typeface="Times New Roman"/>
                <a:cs typeface="Times New Roman"/>
              </a:rPr>
              <a:t>with </a:t>
            </a:r>
            <a:r>
              <a:rPr sz="2100" spc="5" dirty="0">
                <a:latin typeface="Times New Roman"/>
                <a:cs typeface="Times New Roman"/>
              </a:rPr>
              <a:t>high </a:t>
            </a:r>
            <a:r>
              <a:rPr sz="2100" dirty="0">
                <a:latin typeface="Times New Roman"/>
                <a:cs typeface="Times New Roman"/>
              </a:rPr>
              <a:t>speed </a:t>
            </a:r>
            <a:r>
              <a:rPr sz="2100" spc="5" dirty="0">
                <a:latin typeface="Times New Roman"/>
                <a:cs typeface="Times New Roman"/>
              </a:rPr>
              <a:t>of data </a:t>
            </a:r>
            <a:r>
              <a:rPr sz="2100" spc="-5" dirty="0">
                <a:latin typeface="Times New Roman"/>
                <a:cs typeface="Times New Roman"/>
              </a:rPr>
              <a:t>transfer, </a:t>
            </a:r>
            <a:r>
              <a:rPr sz="2100" dirty="0">
                <a:latin typeface="Times New Roman"/>
                <a:cs typeface="Times New Roman"/>
              </a:rPr>
              <a:t>such as, </a:t>
            </a:r>
            <a:r>
              <a:rPr sz="2100" spc="5" dirty="0">
                <a:latin typeface="Times New Roman"/>
                <a:cs typeface="Times New Roman"/>
              </a:rPr>
              <a:t>magnetic </a:t>
            </a:r>
            <a:r>
              <a:rPr sz="2100" dirty="0">
                <a:latin typeface="Times New Roman"/>
                <a:cs typeface="Times New Roman"/>
              </a:rPr>
              <a:t>disks</a:t>
            </a:r>
            <a:r>
              <a:rPr sz="2100" spc="5" dirty="0">
                <a:latin typeface="Times New Roman"/>
                <a:cs typeface="Times New Roman"/>
              </a:rPr>
              <a:t> are 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assigned</a:t>
            </a:r>
            <a:r>
              <a:rPr sz="2100" dirty="0">
                <a:latin typeface="Times New Roman"/>
                <a:cs typeface="Times New Roman"/>
              </a:rPr>
              <a:t> </a:t>
            </a:r>
            <a:r>
              <a:rPr sz="2100" spc="10" dirty="0">
                <a:latin typeface="Times New Roman"/>
                <a:cs typeface="Times New Roman"/>
              </a:rPr>
              <a:t>high </a:t>
            </a:r>
            <a:r>
              <a:rPr sz="2100" spc="5" dirty="0">
                <a:latin typeface="Times New Roman"/>
                <a:cs typeface="Times New Roman"/>
              </a:rPr>
              <a:t>priority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an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low</a:t>
            </a:r>
            <a:r>
              <a:rPr sz="210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devices,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uch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as,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10" dirty="0">
                <a:latin typeface="Times New Roman"/>
                <a:cs typeface="Times New Roman"/>
              </a:rPr>
              <a:t>Keyboard.</a:t>
            </a:r>
            <a:endParaRPr sz="21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3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When</a:t>
            </a:r>
            <a:r>
              <a:rPr sz="2100" spc="14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multiple</a:t>
            </a:r>
            <a:r>
              <a:rPr sz="2100" spc="15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devices</a:t>
            </a:r>
            <a:r>
              <a:rPr sz="2100" spc="15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interrupt</a:t>
            </a:r>
            <a:r>
              <a:rPr sz="2100" spc="15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spc="14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ystem</a:t>
            </a:r>
            <a:r>
              <a:rPr sz="2100" spc="1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at</a:t>
            </a:r>
            <a:r>
              <a:rPr sz="2100" spc="15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spc="13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same</a:t>
            </a:r>
            <a:r>
              <a:rPr sz="2100" spc="155" dirty="0">
                <a:latin typeface="Times New Roman"/>
                <a:cs typeface="Times New Roman"/>
              </a:rPr>
              <a:t> </a:t>
            </a:r>
            <a:r>
              <a:rPr sz="2100" dirty="0">
                <a:latin typeface="Times New Roman"/>
                <a:cs typeface="Times New Roman"/>
              </a:rPr>
              <a:t>time,</a:t>
            </a:r>
            <a:r>
              <a:rPr sz="2100" spc="15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spc="13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service</a:t>
            </a:r>
            <a:r>
              <a:rPr sz="2100" spc="14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given</a:t>
            </a:r>
            <a:r>
              <a:rPr sz="2100" spc="150" dirty="0">
                <a:latin typeface="Times New Roman"/>
                <a:cs typeface="Times New Roman"/>
              </a:rPr>
              <a:t> </a:t>
            </a:r>
            <a:r>
              <a:rPr sz="2100" spc="15" dirty="0">
                <a:latin typeface="Times New Roman"/>
                <a:cs typeface="Times New Roman"/>
              </a:rPr>
              <a:t>to</a:t>
            </a:r>
            <a:endParaRPr sz="21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  <a:spcBef>
                <a:spcPts val="5"/>
              </a:spcBef>
            </a:pPr>
            <a:r>
              <a:rPr sz="2100" spc="5" dirty="0">
                <a:latin typeface="Times New Roman"/>
                <a:cs typeface="Times New Roman"/>
              </a:rPr>
              <a:t>the</a:t>
            </a:r>
            <a:r>
              <a:rPr sz="2100" dirty="0">
                <a:latin typeface="Times New Roman"/>
                <a:cs typeface="Times New Roman"/>
              </a:rPr>
              <a:t> </a:t>
            </a:r>
            <a:r>
              <a:rPr sz="2100" spc="10" dirty="0">
                <a:latin typeface="Times New Roman"/>
                <a:cs typeface="Times New Roman"/>
              </a:rPr>
              <a:t>device</a:t>
            </a:r>
            <a:r>
              <a:rPr sz="210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with</a:t>
            </a:r>
            <a:r>
              <a:rPr sz="2100" spc="-5" dirty="0">
                <a:latin typeface="Times New Roman"/>
                <a:cs typeface="Times New Roman"/>
              </a:rPr>
              <a:t> </a:t>
            </a:r>
            <a:r>
              <a:rPr sz="2100" spc="10" dirty="0">
                <a:latin typeface="Times New Roman"/>
                <a:cs typeface="Times New Roman"/>
              </a:rPr>
              <a:t>highest</a:t>
            </a:r>
            <a:r>
              <a:rPr sz="2100" spc="-10" dirty="0">
                <a:latin typeface="Times New Roman"/>
                <a:cs typeface="Times New Roman"/>
              </a:rPr>
              <a:t> </a:t>
            </a:r>
            <a:r>
              <a:rPr sz="2100" spc="-5" dirty="0">
                <a:latin typeface="Times New Roman"/>
                <a:cs typeface="Times New Roman"/>
              </a:rPr>
              <a:t>priority.</a:t>
            </a:r>
            <a:endParaRPr sz="21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05"/>
              </a:spcBef>
            </a:pPr>
            <a:r>
              <a:rPr sz="1650" spc="-14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50" spc="3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This </a:t>
            </a:r>
            <a:r>
              <a:rPr sz="2100" spc="10" dirty="0">
                <a:latin typeface="Times New Roman"/>
                <a:cs typeface="Times New Roman"/>
              </a:rPr>
              <a:t>could</a:t>
            </a:r>
            <a:r>
              <a:rPr sz="2100" spc="20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be</a:t>
            </a:r>
            <a:r>
              <a:rPr sz="2100" spc="15" dirty="0">
                <a:latin typeface="Times New Roman"/>
                <a:cs typeface="Times New Roman"/>
              </a:rPr>
              <a:t> </a:t>
            </a:r>
            <a:r>
              <a:rPr sz="2100" spc="10" dirty="0">
                <a:latin typeface="Times New Roman"/>
                <a:cs typeface="Times New Roman"/>
              </a:rPr>
              <a:t>done</a:t>
            </a:r>
            <a:r>
              <a:rPr sz="2100" spc="-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with</a:t>
            </a:r>
            <a:r>
              <a:rPr sz="2100" spc="25" dirty="0">
                <a:latin typeface="Times New Roman"/>
                <a:cs typeface="Times New Roman"/>
              </a:rPr>
              <a:t> </a:t>
            </a:r>
            <a:r>
              <a:rPr sz="2100" spc="5" dirty="0">
                <a:latin typeface="Times New Roman"/>
                <a:cs typeface="Times New Roman"/>
              </a:rPr>
              <a:t>either</a:t>
            </a:r>
            <a:r>
              <a:rPr sz="2100" spc="10" dirty="0">
                <a:latin typeface="Times New Roman"/>
                <a:cs typeface="Times New Roman"/>
              </a:rPr>
              <a:t> </a:t>
            </a:r>
            <a:r>
              <a:rPr sz="2100" spc="5" dirty="0">
                <a:solidFill>
                  <a:srgbClr val="C00000"/>
                </a:solidFill>
                <a:latin typeface="Times New Roman"/>
                <a:cs typeface="Times New Roman"/>
              </a:rPr>
              <a:t>software</a:t>
            </a:r>
            <a:r>
              <a:rPr sz="2100" spc="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100" spc="5" dirty="0">
                <a:solidFill>
                  <a:srgbClr val="C00000"/>
                </a:solidFill>
                <a:latin typeface="Times New Roman"/>
                <a:cs typeface="Times New Roman"/>
              </a:rPr>
              <a:t>or</a:t>
            </a:r>
            <a:r>
              <a:rPr sz="2100" spc="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100" spc="5" dirty="0">
                <a:solidFill>
                  <a:srgbClr val="C00000"/>
                </a:solidFill>
                <a:latin typeface="Times New Roman"/>
                <a:cs typeface="Times New Roman"/>
              </a:rPr>
              <a:t>hardware</a:t>
            </a:r>
            <a:r>
              <a:rPr sz="21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100" spc="5" dirty="0">
                <a:solidFill>
                  <a:srgbClr val="C00000"/>
                </a:solidFill>
                <a:latin typeface="Times New Roman"/>
                <a:cs typeface="Times New Roman"/>
              </a:rPr>
              <a:t>methods.</a:t>
            </a:r>
            <a:endParaRPr sz="21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3437890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15" dirty="0">
                <a:solidFill>
                  <a:srgbClr val="F4E7EC"/>
                </a:solidFill>
                <a:latin typeface="Verdana"/>
                <a:cs typeface="Verdana"/>
              </a:rPr>
              <a:t>Priority</a:t>
            </a:r>
            <a:r>
              <a:rPr sz="3600" spc="-250" dirty="0">
                <a:solidFill>
                  <a:srgbClr val="F4E7EC"/>
                </a:solidFill>
                <a:latin typeface="Verdana"/>
                <a:cs typeface="Verdana"/>
              </a:rPr>
              <a:t> </a:t>
            </a:r>
            <a:r>
              <a:rPr sz="3600" spc="-204" dirty="0">
                <a:solidFill>
                  <a:srgbClr val="F4E7EC"/>
                </a:solidFill>
                <a:latin typeface="Verdana"/>
                <a:cs typeface="Verdana"/>
              </a:rPr>
              <a:t>Interrupt</a:t>
            </a:r>
            <a:endParaRPr sz="36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838200" y="437244"/>
            <a:ext cx="10515600" cy="463550"/>
          </a:xfrm>
        </p:spPr>
        <p:txBody>
          <a:bodyPr/>
          <a:lstStyle/>
          <a:p>
            <a:r>
              <a:rPr lang="en-US" dirty="0">
                <a:sym typeface="+mn-ea"/>
              </a:rPr>
              <a:t> Computer Architecture</a:t>
            </a:r>
            <a:endParaRPr lang="en-IN" altLang="en-US" dirty="0"/>
          </a:p>
        </p:txBody>
      </p:sp>
      <p:sp>
        <p:nvSpPr>
          <p:cNvPr id="9" name="Content Placeholder 8">
            <a:extLst>
              <a:ext uri="{FF2B5EF4-FFF2-40B4-BE49-F238E27FC236}">
                <a16:creationId xmlns="" xmlns:a16="http://schemas.microsoft.com/office/drawing/2014/main" id="{D36A1756-0141-A371-60E8-FA530D9C94E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Computer architecture refers to the </a:t>
            </a:r>
            <a:r>
              <a:rPr lang="en-US" sz="2000" b="1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design of the internal workings of a computer system</a:t>
            </a:r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, including the CPU, memory, and other hardware components. </a:t>
            </a:r>
          </a:p>
          <a:p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It involves  the </a:t>
            </a:r>
            <a:r>
              <a:rPr lang="en-US" sz="2000" dirty="0">
                <a:solidFill>
                  <a:srgbClr val="2732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ogical functions such as </a:t>
            </a:r>
            <a:r>
              <a:rPr lang="en-US" sz="2000" b="1" dirty="0">
                <a:solidFill>
                  <a:srgbClr val="273239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nstruction sets, Data types, Registers and Addressing modes</a:t>
            </a:r>
            <a:r>
              <a:rPr lang="en-US" sz="2000" b="1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 Computer architecture is concerned with </a:t>
            </a:r>
            <a:r>
              <a:rPr lang="en-US" sz="2000" b="1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optimizing the performance of a computer system </a:t>
            </a:r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and ensuring that it can </a:t>
            </a:r>
            <a:r>
              <a:rPr lang="en-US" sz="2000" b="1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execute instructions quickly and efficiently</a:t>
            </a:r>
            <a:r>
              <a:rPr lang="en-US" sz="20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Computer Architecture is also called </a:t>
            </a:r>
            <a:r>
              <a:rPr lang="en-US" b="1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Instruction Set Architecture </a:t>
            </a:r>
            <a:r>
              <a:rPr lang="en-US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(ISA).</a:t>
            </a:r>
            <a:endParaRPr lang="en-US" b="0" i="0" dirty="0">
              <a:effectLst/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en-IN" dirty="0"/>
          </a:p>
        </p:txBody>
      </p:sp>
    </p:spTree>
    <p:custDataLst>
      <p:tags r:id="rId1"/>
    </p:custData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073354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70" dirty="0">
                <a:latin typeface="Verdana"/>
                <a:cs typeface="Verdana"/>
              </a:rPr>
              <a:t>S</a:t>
            </a:r>
            <a:r>
              <a:rPr sz="3600" spc="-250" dirty="0">
                <a:latin typeface="Verdana"/>
                <a:cs typeface="Verdana"/>
              </a:rPr>
              <a:t>o</a:t>
            </a:r>
            <a:r>
              <a:rPr sz="3600" spc="-45" dirty="0">
                <a:latin typeface="Verdana"/>
                <a:cs typeface="Verdana"/>
              </a:rPr>
              <a:t>ftware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Priority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275" dirty="0">
                <a:latin typeface="Verdana"/>
                <a:cs typeface="Verdana"/>
              </a:rPr>
              <a:t>M</a:t>
            </a:r>
            <a:r>
              <a:rPr sz="3600" spc="60" dirty="0">
                <a:latin typeface="Verdana"/>
                <a:cs typeface="Verdana"/>
              </a:rPr>
              <a:t>etho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099515" y="2291333"/>
            <a:ext cx="9853930" cy="426974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In</a:t>
            </a:r>
            <a:r>
              <a:rPr sz="2000" spc="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is</a:t>
            </a:r>
            <a:r>
              <a:rPr sz="2000" spc="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method</a:t>
            </a:r>
            <a:r>
              <a:rPr sz="2000" spc="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olling</a:t>
            </a:r>
            <a:r>
              <a:rPr sz="2000" spc="3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procedure</a:t>
            </a:r>
            <a:r>
              <a:rPr sz="2000" spc="4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used</a:t>
            </a:r>
            <a:r>
              <a:rPr sz="2000" spc="3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o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dentify</a:t>
            </a:r>
            <a:r>
              <a:rPr sz="2000" spc="3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highest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priority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device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by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oftware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spc="5" dirty="0">
                <a:latin typeface="Times New Roman"/>
                <a:cs typeface="Times New Roman"/>
              </a:rPr>
              <a:t>mean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10" dirty="0">
                <a:latin typeface="Times New Roman"/>
                <a:cs typeface="Times New Roman"/>
              </a:rPr>
              <a:t>Ther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on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ommon</a:t>
            </a:r>
            <a:r>
              <a:rPr sz="2000" spc="35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branch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address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for </a:t>
            </a:r>
            <a:r>
              <a:rPr sz="2000" dirty="0">
                <a:latin typeface="Times New Roman"/>
                <a:cs typeface="Times New Roman"/>
              </a:rPr>
              <a:t>all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nterrupt</a:t>
            </a:r>
            <a:r>
              <a:rPr sz="2000" dirty="0">
                <a:latin typeface="Times New Roman"/>
                <a:cs typeface="Times New Roman"/>
              </a:rPr>
              <a:t> to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execut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SR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10" dirty="0">
                <a:latin typeface="Times New Roman"/>
                <a:cs typeface="Times New Roman"/>
              </a:rPr>
              <a:t>The </a:t>
            </a:r>
            <a:r>
              <a:rPr sz="2000" spc="5" dirty="0">
                <a:latin typeface="Times New Roman"/>
                <a:cs typeface="Times New Roman"/>
              </a:rPr>
              <a:t>program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at </a:t>
            </a:r>
            <a:r>
              <a:rPr sz="2000" dirty="0">
                <a:latin typeface="Times New Roman"/>
                <a:cs typeface="Times New Roman"/>
              </a:rPr>
              <a:t>takes</a:t>
            </a:r>
            <a:r>
              <a:rPr sz="2000" spc="5" dirty="0">
                <a:latin typeface="Times New Roman"/>
                <a:cs typeface="Times New Roman"/>
              </a:rPr>
              <a:t> care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5" dirty="0">
                <a:latin typeface="Times New Roman"/>
                <a:cs typeface="Times New Roman"/>
              </a:rPr>
              <a:t> interrupts begins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execution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5" dirty="0">
                <a:latin typeface="Times New Roman"/>
                <a:cs typeface="Times New Roman"/>
              </a:rPr>
              <a:t> the ISR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d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olls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 </a:t>
            </a:r>
            <a:r>
              <a:rPr sz="2000" spc="-484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nterrupt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sources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sequenc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  <a:tab pos="907415" algn="l"/>
                <a:tab pos="1602105" algn="l"/>
                <a:tab pos="1953895" algn="l"/>
                <a:tab pos="2733040" algn="l"/>
                <a:tab pos="3326129" algn="l"/>
                <a:tab pos="3792220" algn="l"/>
                <a:tab pos="4542155" algn="l"/>
                <a:tab pos="5821045" algn="l"/>
                <a:tab pos="6285865" algn="l"/>
                <a:tab pos="7207884" algn="l"/>
                <a:tab pos="7574280" algn="l"/>
                <a:tab pos="8040370" algn="l"/>
                <a:tab pos="9075420" algn="l"/>
                <a:tab pos="959929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10" dirty="0">
                <a:latin typeface="Times New Roman"/>
                <a:cs typeface="Times New Roman"/>
              </a:rPr>
              <a:t>T</a:t>
            </a:r>
            <a:r>
              <a:rPr sz="2000" spc="15" dirty="0">
                <a:latin typeface="Times New Roman"/>
                <a:cs typeface="Times New Roman"/>
              </a:rPr>
              <a:t>h</a:t>
            </a:r>
            <a:r>
              <a:rPr sz="2000" dirty="0">
                <a:latin typeface="Times New Roman"/>
                <a:cs typeface="Times New Roman"/>
              </a:rPr>
              <a:t>e	o</a:t>
            </a:r>
            <a:r>
              <a:rPr sz="2000" spc="5" dirty="0">
                <a:latin typeface="Times New Roman"/>
                <a:cs typeface="Times New Roman"/>
              </a:rPr>
              <a:t>r</a:t>
            </a:r>
            <a:r>
              <a:rPr sz="2000" spc="10" dirty="0">
                <a:latin typeface="Times New Roman"/>
                <a:cs typeface="Times New Roman"/>
              </a:rPr>
              <a:t>d</a:t>
            </a:r>
            <a:r>
              <a:rPr sz="2000" dirty="0">
                <a:latin typeface="Times New Roman"/>
                <a:cs typeface="Times New Roman"/>
              </a:rPr>
              <a:t>er	</a:t>
            </a:r>
            <a:r>
              <a:rPr sz="2000" spc="-10" dirty="0">
                <a:latin typeface="Times New Roman"/>
                <a:cs typeface="Times New Roman"/>
              </a:rPr>
              <a:t>i</a:t>
            </a:r>
            <a:r>
              <a:rPr sz="2000" dirty="0">
                <a:latin typeface="Times New Roman"/>
                <a:cs typeface="Times New Roman"/>
              </a:rPr>
              <a:t>n	w</a:t>
            </a:r>
            <a:r>
              <a:rPr sz="2000" spc="15" dirty="0">
                <a:latin typeface="Times New Roman"/>
                <a:cs typeface="Times New Roman"/>
              </a:rPr>
              <a:t>h</a:t>
            </a:r>
            <a:r>
              <a:rPr sz="2000" dirty="0">
                <a:latin typeface="Times New Roman"/>
                <a:cs typeface="Times New Roman"/>
              </a:rPr>
              <a:t>ich	t</a:t>
            </a:r>
            <a:r>
              <a:rPr sz="2000" spc="10" dirty="0">
                <a:latin typeface="Times New Roman"/>
                <a:cs typeface="Times New Roman"/>
              </a:rPr>
              <a:t>he</a:t>
            </a:r>
            <a:r>
              <a:rPr sz="2000" dirty="0">
                <a:latin typeface="Times New Roman"/>
                <a:cs typeface="Times New Roman"/>
              </a:rPr>
              <a:t>y	</a:t>
            </a:r>
            <a:r>
              <a:rPr sz="2000" spc="5" dirty="0">
                <a:latin typeface="Times New Roman"/>
                <a:cs typeface="Times New Roman"/>
              </a:rPr>
              <a:t>a</a:t>
            </a:r>
            <a:r>
              <a:rPr sz="2000" spc="10" dirty="0">
                <a:latin typeface="Times New Roman"/>
                <a:cs typeface="Times New Roman"/>
              </a:rPr>
              <a:t>r</a:t>
            </a:r>
            <a:r>
              <a:rPr sz="2000" dirty="0">
                <a:latin typeface="Times New Roman"/>
                <a:cs typeface="Times New Roman"/>
              </a:rPr>
              <a:t>e	t</a:t>
            </a:r>
            <a:r>
              <a:rPr sz="2000" spc="5" dirty="0">
                <a:latin typeface="Times New Roman"/>
                <a:cs typeface="Times New Roman"/>
              </a:rPr>
              <a:t>e</a:t>
            </a:r>
            <a:r>
              <a:rPr sz="2000" dirty="0">
                <a:latin typeface="Times New Roman"/>
                <a:cs typeface="Times New Roman"/>
              </a:rPr>
              <a:t>sted	</a:t>
            </a:r>
            <a:r>
              <a:rPr sz="2000" spc="10" dirty="0">
                <a:latin typeface="Times New Roman"/>
                <a:cs typeface="Times New Roman"/>
              </a:rPr>
              <a:t>d</a:t>
            </a:r>
            <a:r>
              <a:rPr sz="2000" spc="5" dirty="0">
                <a:latin typeface="Times New Roman"/>
                <a:cs typeface="Times New Roman"/>
              </a:rPr>
              <a:t>e</a:t>
            </a:r>
            <a:r>
              <a:rPr sz="2000" dirty="0">
                <a:latin typeface="Times New Roman"/>
                <a:cs typeface="Times New Roman"/>
              </a:rPr>
              <a:t>te</a:t>
            </a:r>
            <a:r>
              <a:rPr sz="2000" spc="15" dirty="0">
                <a:latin typeface="Times New Roman"/>
                <a:cs typeface="Times New Roman"/>
              </a:rPr>
              <a:t>r</a:t>
            </a:r>
            <a:r>
              <a:rPr sz="2000" spc="-10" dirty="0">
                <a:latin typeface="Times New Roman"/>
                <a:cs typeface="Times New Roman"/>
              </a:rPr>
              <a:t>m</a:t>
            </a:r>
            <a:r>
              <a:rPr sz="2000" dirty="0">
                <a:latin typeface="Times New Roman"/>
                <a:cs typeface="Times New Roman"/>
              </a:rPr>
              <a:t>in</a:t>
            </a:r>
            <a:r>
              <a:rPr sz="2000" spc="10" dirty="0">
                <a:latin typeface="Times New Roman"/>
                <a:cs typeface="Times New Roman"/>
              </a:rPr>
              <a:t>e</a:t>
            </a:r>
            <a:r>
              <a:rPr sz="2000" dirty="0">
                <a:latin typeface="Times New Roman"/>
                <a:cs typeface="Times New Roman"/>
              </a:rPr>
              <a:t>s	t</a:t>
            </a:r>
            <a:r>
              <a:rPr sz="2000" spc="5" dirty="0">
                <a:latin typeface="Times New Roman"/>
                <a:cs typeface="Times New Roman"/>
              </a:rPr>
              <a:t>h</a:t>
            </a:r>
            <a:r>
              <a:rPr sz="2000" dirty="0">
                <a:latin typeface="Times New Roman"/>
                <a:cs typeface="Times New Roman"/>
              </a:rPr>
              <a:t>e	p</a:t>
            </a:r>
            <a:r>
              <a:rPr sz="2000" spc="15" dirty="0">
                <a:latin typeface="Times New Roman"/>
                <a:cs typeface="Times New Roman"/>
              </a:rPr>
              <a:t>r</a:t>
            </a:r>
            <a:r>
              <a:rPr sz="2000" dirty="0">
                <a:latin typeface="Times New Roman"/>
                <a:cs typeface="Times New Roman"/>
              </a:rPr>
              <a:t>io</a:t>
            </a:r>
            <a:r>
              <a:rPr sz="2000" spc="10" dirty="0">
                <a:latin typeface="Times New Roman"/>
                <a:cs typeface="Times New Roman"/>
              </a:rPr>
              <a:t>r</a:t>
            </a:r>
            <a:r>
              <a:rPr sz="2000" dirty="0">
                <a:latin typeface="Times New Roman"/>
                <a:cs typeface="Times New Roman"/>
              </a:rPr>
              <a:t>ity	of	the	i</a:t>
            </a:r>
            <a:r>
              <a:rPr sz="2000" spc="5" dirty="0">
                <a:latin typeface="Times New Roman"/>
                <a:cs typeface="Times New Roman"/>
              </a:rPr>
              <a:t>n</a:t>
            </a:r>
            <a:r>
              <a:rPr sz="2000" dirty="0">
                <a:latin typeface="Times New Roman"/>
                <a:cs typeface="Times New Roman"/>
              </a:rPr>
              <a:t>t</a:t>
            </a:r>
            <a:r>
              <a:rPr sz="2000" spc="-10" dirty="0">
                <a:latin typeface="Times New Roman"/>
                <a:cs typeface="Times New Roman"/>
              </a:rPr>
              <a:t>e</a:t>
            </a:r>
            <a:r>
              <a:rPr sz="2000" dirty="0">
                <a:latin typeface="Times New Roman"/>
                <a:cs typeface="Times New Roman"/>
              </a:rPr>
              <a:t>r</a:t>
            </a:r>
            <a:r>
              <a:rPr sz="2000" spc="15" dirty="0">
                <a:latin typeface="Times New Roman"/>
                <a:cs typeface="Times New Roman"/>
              </a:rPr>
              <a:t>r</a:t>
            </a:r>
            <a:r>
              <a:rPr sz="2000" dirty="0">
                <a:latin typeface="Times New Roman"/>
                <a:cs typeface="Times New Roman"/>
              </a:rPr>
              <a:t>u</a:t>
            </a:r>
            <a:r>
              <a:rPr sz="2000" spc="5" dirty="0">
                <a:latin typeface="Times New Roman"/>
                <a:cs typeface="Times New Roman"/>
              </a:rPr>
              <a:t>p</a:t>
            </a:r>
            <a:r>
              <a:rPr sz="2000" dirty="0">
                <a:latin typeface="Times New Roman"/>
                <a:cs typeface="Times New Roman"/>
              </a:rPr>
              <a:t>t	a</a:t>
            </a:r>
            <a:r>
              <a:rPr sz="2000" spc="10" dirty="0">
                <a:latin typeface="Times New Roman"/>
                <a:cs typeface="Times New Roman"/>
              </a:rPr>
              <a:t>n</a:t>
            </a:r>
            <a:r>
              <a:rPr sz="2000" dirty="0">
                <a:latin typeface="Times New Roman"/>
                <a:cs typeface="Times New Roman"/>
              </a:rPr>
              <a:t>d	its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spc="5" dirty="0">
                <a:latin typeface="Times New Roman"/>
                <a:cs typeface="Times New Roman"/>
              </a:rPr>
              <a:t>corresponding</a:t>
            </a:r>
            <a:r>
              <a:rPr sz="2000" spc="-45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devic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5" dirty="0">
                <a:latin typeface="Times New Roman"/>
                <a:cs typeface="Times New Roman"/>
              </a:rPr>
              <a:t>If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highest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priority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devic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nterrupt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signal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on,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n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servic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given</a:t>
            </a:r>
            <a:r>
              <a:rPr sz="2000" dirty="0">
                <a:latin typeface="Times New Roman"/>
                <a:cs typeface="Times New Roman"/>
              </a:rPr>
              <a:t> to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at</a:t>
            </a:r>
            <a:r>
              <a:rPr sz="2000" spc="10" dirty="0">
                <a:latin typeface="Times New Roman"/>
                <a:cs typeface="Times New Roman"/>
              </a:rPr>
              <a:t> devic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5" dirty="0">
                <a:latin typeface="Times New Roman"/>
                <a:cs typeface="Times New Roman"/>
              </a:rPr>
              <a:t>Otherwise,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e</a:t>
            </a:r>
            <a:r>
              <a:rPr sz="2000" spc="10" dirty="0">
                <a:latin typeface="Times New Roman"/>
                <a:cs typeface="Times New Roman"/>
              </a:rPr>
              <a:t> next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lower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priority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sourc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ested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and so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on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10" dirty="0">
                <a:latin typeface="Times New Roman"/>
                <a:cs typeface="Times New Roman"/>
              </a:rPr>
              <a:t>Th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major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disadvantag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of </a:t>
            </a:r>
            <a:r>
              <a:rPr sz="2000" dirty="0">
                <a:latin typeface="Times New Roman"/>
                <a:cs typeface="Times New Roman"/>
              </a:rPr>
              <a:t>this method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at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t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5" dirty="0">
                <a:latin typeface="Times New Roman"/>
                <a:cs typeface="Times New Roman"/>
              </a:rPr>
              <a:t> quit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20" dirty="0">
                <a:latin typeface="Times New Roman"/>
                <a:cs typeface="Times New Roman"/>
              </a:rPr>
              <a:t>slow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65" dirty="0">
                <a:latin typeface="Times New Roman"/>
                <a:cs typeface="Times New Roman"/>
              </a:rPr>
              <a:t>To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overcom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this,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we</a:t>
            </a:r>
            <a:r>
              <a:rPr sz="2000" spc="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can</a:t>
            </a:r>
            <a:r>
              <a:rPr sz="2000" spc="20" dirty="0">
                <a:latin typeface="Times New Roman"/>
                <a:cs typeface="Times New Roman"/>
              </a:rPr>
              <a:t> </a:t>
            </a:r>
            <a:r>
              <a:rPr sz="2000" spc="10" dirty="0">
                <a:latin typeface="Times New Roman"/>
                <a:cs typeface="Times New Roman"/>
              </a:rPr>
              <a:t>us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hardwar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priority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interrupt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620392" y="2347086"/>
            <a:ext cx="8682355" cy="41916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715" indent="-342900">
              <a:lnSpc>
                <a:spcPct val="1000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4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iority</a:t>
            </a:r>
            <a:r>
              <a:rPr sz="24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4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4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unctions</a:t>
            </a:r>
            <a:r>
              <a:rPr sz="24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4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verall</a:t>
            </a:r>
            <a:r>
              <a:rPr sz="24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anager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 interrupt</a:t>
            </a:r>
            <a:r>
              <a:rPr sz="24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nvironment.</a:t>
            </a:r>
            <a:endParaRPr sz="2400">
              <a:latin typeface="Times New Roman"/>
              <a:cs typeface="Times New Roman"/>
            </a:endParaRPr>
          </a:p>
          <a:p>
            <a:pPr marL="355600" marR="635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  <a:tab pos="850265" algn="l"/>
                <a:tab pos="1724025" algn="l"/>
                <a:tab pos="2205990" algn="l"/>
                <a:tab pos="2755900" algn="l"/>
                <a:tab pos="4159885" algn="l"/>
                <a:tab pos="4894580" algn="l"/>
                <a:tab pos="6121400" algn="l"/>
                <a:tab pos="7095490" algn="l"/>
                <a:tab pos="7677150" algn="l"/>
                <a:tab pos="8141970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17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	speed	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	the	oper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ion,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ch	i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erru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rce	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	own  interrupt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vector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w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ISR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directly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olling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4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cisions</a:t>
            </a:r>
            <a:r>
              <a:rPr sz="24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4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stablished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iority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4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iority</a:t>
            </a:r>
            <a:r>
              <a:rPr sz="24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function</a:t>
            </a:r>
            <a:r>
              <a:rPr sz="24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4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stablished</a:t>
            </a:r>
            <a:r>
              <a:rPr sz="24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4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ither</a:t>
            </a:r>
            <a:r>
              <a:rPr sz="24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serial</a:t>
            </a:r>
            <a:endParaRPr sz="24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5"/>
              </a:spcBef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parallel</a:t>
            </a:r>
            <a:r>
              <a:rPr sz="2400" spc="-4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nection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terrupt</a:t>
            </a:r>
            <a:r>
              <a:rPr sz="24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ines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  <a:tab pos="1001394" algn="l"/>
                <a:tab pos="1832610" algn="l"/>
                <a:tab pos="3339465" algn="l"/>
                <a:tab pos="3764915" algn="l"/>
                <a:tab pos="5072380" algn="l"/>
                <a:tab pos="6158230" algn="l"/>
                <a:tab pos="7378700" algn="l"/>
                <a:tab pos="846391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170" dirty="0">
                <a:solidFill>
                  <a:srgbClr val="404040"/>
                </a:solidFill>
                <a:latin typeface="Times New Roman"/>
                <a:cs typeface="Times New Roman"/>
              </a:rPr>
              <a:t>The	</a:t>
            </a:r>
            <a:r>
              <a:rPr sz="2400" spc="-170" dirty="0">
                <a:solidFill>
                  <a:srgbClr val="C00000"/>
                </a:solidFill>
                <a:latin typeface="Times New Roman"/>
                <a:cs typeface="Times New Roman"/>
              </a:rPr>
              <a:t>seri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a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l	connec</a:t>
            </a:r>
            <a:r>
              <a:rPr sz="2400" spc="-15" dirty="0">
                <a:solidFill>
                  <a:srgbClr val="C00000"/>
                </a:solidFill>
                <a:latin typeface="Times New Roman"/>
                <a:cs typeface="Times New Roman"/>
              </a:rPr>
              <a:t>t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ion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	hardware	pr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ity	i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erru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	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thod	is 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known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Daisy-Chaining</a:t>
            </a:r>
            <a:r>
              <a:rPr sz="24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Method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9151039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0" dirty="0">
                <a:latin typeface="Verdana"/>
                <a:cs typeface="Verdana"/>
              </a:rPr>
              <a:t>Hardwar</a:t>
            </a:r>
            <a:r>
              <a:rPr sz="3600" spc="-15" dirty="0">
                <a:latin typeface="Verdana"/>
                <a:cs typeface="Verdana"/>
              </a:rPr>
              <a:t>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35" dirty="0">
                <a:latin typeface="Verdana"/>
                <a:cs typeface="Verdana"/>
              </a:rPr>
              <a:t>P</a:t>
            </a:r>
            <a:r>
              <a:rPr sz="3600" spc="-254" dirty="0">
                <a:latin typeface="Verdana"/>
                <a:cs typeface="Verdana"/>
              </a:rPr>
              <a:t>rio</a:t>
            </a:r>
            <a:r>
              <a:rPr sz="3600" spc="-265" dirty="0">
                <a:latin typeface="Verdana"/>
                <a:cs typeface="Verdana"/>
              </a:rPr>
              <a:t>r</a:t>
            </a:r>
            <a:r>
              <a:rPr sz="3600" spc="-185" dirty="0">
                <a:latin typeface="Verdana"/>
                <a:cs typeface="Verdana"/>
              </a:rPr>
              <a:t>it</a:t>
            </a:r>
            <a:r>
              <a:rPr sz="3600" spc="-315" dirty="0">
                <a:latin typeface="Verdana"/>
                <a:cs typeface="Verdana"/>
              </a:rPr>
              <a:t>y</a:t>
            </a:r>
            <a:r>
              <a:rPr sz="3600" spc="-245" dirty="0">
                <a:latin typeface="Verdana"/>
                <a:cs typeface="Verdana"/>
              </a:rPr>
              <a:t> </a:t>
            </a:r>
            <a:r>
              <a:rPr sz="3600" spc="95" dirty="0">
                <a:latin typeface="Verdana"/>
                <a:cs typeface="Verdana"/>
              </a:rPr>
              <a:t>Method</a:t>
            </a:r>
            <a:endParaRPr sz="36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051966" y="894334"/>
            <a:ext cx="8776970" cy="11208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55" dirty="0">
                <a:latin typeface="Verdana"/>
                <a:cs typeface="Verdana"/>
              </a:rPr>
              <a:t>Daisy</a:t>
            </a:r>
            <a:r>
              <a:rPr sz="3600" spc="-440" dirty="0">
                <a:latin typeface="Verdana"/>
                <a:cs typeface="Verdana"/>
              </a:rPr>
              <a:t>-</a:t>
            </a:r>
            <a:r>
              <a:rPr sz="3600" spc="10" dirty="0">
                <a:latin typeface="Verdana"/>
                <a:cs typeface="Verdana"/>
              </a:rPr>
              <a:t>Chaining</a:t>
            </a:r>
            <a:r>
              <a:rPr sz="3600" spc="-235" dirty="0">
                <a:latin typeface="Verdana"/>
                <a:cs typeface="Verdana"/>
              </a:rPr>
              <a:t> </a:t>
            </a:r>
            <a:r>
              <a:rPr sz="3600" spc="-215" dirty="0">
                <a:latin typeface="Verdana"/>
                <a:cs typeface="Verdana"/>
              </a:rPr>
              <a:t>Priority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160" dirty="0">
                <a:latin typeface="Verdana"/>
                <a:cs typeface="Verdana"/>
              </a:rPr>
              <a:t>interrup</a:t>
            </a:r>
            <a:r>
              <a:rPr sz="3600" spc="-120" dirty="0">
                <a:latin typeface="Verdana"/>
                <a:cs typeface="Verdana"/>
              </a:rPr>
              <a:t>t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95" dirty="0">
                <a:latin typeface="Verdana"/>
                <a:cs typeface="Verdana"/>
              </a:rPr>
              <a:t>Method</a:t>
            </a:r>
            <a:endParaRPr sz="3600">
              <a:latin typeface="Verdana"/>
              <a:cs typeface="Verdana"/>
            </a:endParaRPr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2039111" y="2037588"/>
            <a:ext cx="8170164" cy="3054096"/>
          </a:xfrm>
          <a:prstGeom prst="rect">
            <a:avLst/>
          </a:prstGeom>
        </p:spPr>
      </p:pic>
      <p:graphicFrame>
        <p:nvGraphicFramePr>
          <p:cNvPr id="4" name="object 4"/>
          <p:cNvGraphicFramePr>
            <a:graphicFrameLocks noGrp="1"/>
          </p:cNvGraphicFramePr>
          <p:nvPr/>
        </p:nvGraphicFramePr>
        <p:xfrm>
          <a:off x="2874517" y="5085334"/>
          <a:ext cx="6296658" cy="1640585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523875"/>
                <a:gridCol w="531494"/>
                <a:gridCol w="5241289"/>
              </a:tblGrid>
              <a:tr h="528066">
                <a:tc>
                  <a:txBody>
                    <a:bodyPr/>
                    <a:lstStyle/>
                    <a:p>
                      <a:pPr marR="158115" algn="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b="1" spc="-280" dirty="0">
                          <a:solidFill>
                            <a:srgbClr val="FFFFFF"/>
                          </a:solidFill>
                          <a:latin typeface="Tahoma"/>
                          <a:cs typeface="Tahoma"/>
                        </a:rPr>
                        <a:t>PI</a:t>
                      </a:r>
                      <a:endParaRPr sz="1800">
                        <a:latin typeface="Tahoma"/>
                        <a:cs typeface="Tahom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38100">
                      <a:solidFill>
                        <a:srgbClr val="FFFFFF"/>
                      </a:solidFill>
                      <a:prstDash val="solid"/>
                    </a:lnB>
                    <a:solidFill>
                      <a:srgbClr val="B83C68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b="1" spc="-30" dirty="0">
                          <a:solidFill>
                            <a:srgbClr val="FFFFFF"/>
                          </a:solidFill>
                          <a:latin typeface="Tahoma"/>
                          <a:cs typeface="Tahoma"/>
                        </a:rPr>
                        <a:t>PO</a:t>
                      </a:r>
                      <a:endParaRPr sz="1800">
                        <a:latin typeface="Tahoma"/>
                        <a:cs typeface="Tahom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38100">
                      <a:solidFill>
                        <a:srgbClr val="FFFFFF"/>
                      </a:solidFill>
                      <a:prstDash val="solid"/>
                    </a:lnB>
                    <a:solidFill>
                      <a:srgbClr val="B83C68"/>
                    </a:solidFill>
                  </a:tcPr>
                </a:tc>
                <a:tc>
                  <a:txBody>
                    <a:bodyPr/>
                    <a:lstStyle/>
                    <a:p>
                      <a:pPr marL="2540"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b="1" spc="-20" dirty="0">
                          <a:solidFill>
                            <a:srgbClr val="FFFFFF"/>
                          </a:solidFill>
                          <a:latin typeface="Tahoma"/>
                          <a:cs typeface="Tahoma"/>
                        </a:rPr>
                        <a:t>Operation</a:t>
                      </a:r>
                      <a:endParaRPr sz="1800">
                        <a:latin typeface="Tahoma"/>
                        <a:cs typeface="Tahom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38100">
                      <a:solidFill>
                        <a:srgbClr val="FFFFFF"/>
                      </a:solidFill>
                      <a:prstDash val="solid"/>
                    </a:lnB>
                    <a:solidFill>
                      <a:srgbClr val="B83C68"/>
                    </a:solidFill>
                  </a:tcPr>
                </a:tc>
              </a:tr>
              <a:tr h="370840">
                <a:tc>
                  <a:txBody>
                    <a:bodyPr/>
                    <a:lstStyle/>
                    <a:p>
                      <a:pPr marR="189865" algn="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0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381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0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381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  <a:tc>
                  <a:txBody>
                    <a:bodyPr/>
                    <a:lstStyle/>
                    <a:p>
                      <a:pPr marL="91440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spc="20" dirty="0">
                          <a:latin typeface="Verdana"/>
                          <a:cs typeface="Verdana"/>
                        </a:rPr>
                        <a:t>A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ck</a:t>
                      </a:r>
                      <a:r>
                        <a:rPr sz="1800" spc="-15" dirty="0">
                          <a:latin typeface="Verdana"/>
                          <a:cs typeface="Verdana"/>
                        </a:rPr>
                        <a:t>n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o</a:t>
                      </a:r>
                      <a:r>
                        <a:rPr sz="1800" spc="-35" dirty="0">
                          <a:latin typeface="Verdana"/>
                          <a:cs typeface="Verdana"/>
                        </a:rPr>
                        <a:t>w</a:t>
                      </a:r>
                      <a:r>
                        <a:rPr sz="1800" spc="10" dirty="0">
                          <a:latin typeface="Verdana"/>
                          <a:cs typeface="Verdana"/>
                        </a:rPr>
                        <a:t>l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e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dg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e</a:t>
                      </a:r>
                      <a:r>
                        <a:rPr sz="1800" spc="-100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ha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s</a:t>
                      </a:r>
                      <a:r>
                        <a:rPr sz="1800" spc="-125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b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ee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n</a:t>
                      </a:r>
                      <a:r>
                        <a:rPr sz="1800" spc="-114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b</a:t>
                      </a:r>
                      <a:r>
                        <a:rPr sz="1800" spc="5" dirty="0">
                          <a:latin typeface="Verdana"/>
                          <a:cs typeface="Verdana"/>
                        </a:rPr>
                        <a:t>l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oc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ke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d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381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</a:tr>
              <a:tr h="370839">
                <a:tc>
                  <a:txBody>
                    <a:bodyPr/>
                    <a:lstStyle/>
                    <a:p>
                      <a:pPr marR="189865" algn="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1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F3E8EB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0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F3E8EB"/>
                    </a:solidFill>
                  </a:tcPr>
                </a:tc>
                <a:tc>
                  <a:txBody>
                    <a:bodyPr/>
                    <a:lstStyle/>
                    <a:p>
                      <a:pPr marL="91440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spc="-40" dirty="0">
                          <a:latin typeface="Verdana"/>
                          <a:cs typeface="Verdana"/>
                        </a:rPr>
                        <a:t>Particular</a:t>
                      </a:r>
                      <a:r>
                        <a:rPr sz="1800" spc="-150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25" dirty="0">
                          <a:latin typeface="Verdana"/>
                          <a:cs typeface="Verdana"/>
                        </a:rPr>
                        <a:t>VAD</a:t>
                      </a:r>
                      <a:r>
                        <a:rPr sz="1800" spc="-125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10" dirty="0">
                          <a:latin typeface="Verdana"/>
                          <a:cs typeface="Verdana"/>
                        </a:rPr>
                        <a:t>selected</a:t>
                      </a:r>
                      <a:r>
                        <a:rPr sz="1800" spc="-80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20" dirty="0">
                          <a:latin typeface="Verdana"/>
                          <a:cs typeface="Verdana"/>
                        </a:rPr>
                        <a:t>(Pending</a:t>
                      </a:r>
                      <a:r>
                        <a:rPr sz="1800" spc="-85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90" dirty="0">
                          <a:latin typeface="Verdana"/>
                          <a:cs typeface="Verdana"/>
                        </a:rPr>
                        <a:t>interrupt)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F3E8EB"/>
                    </a:solidFill>
                  </a:tcPr>
                </a:tc>
              </a:tr>
              <a:tr h="370840">
                <a:tc>
                  <a:txBody>
                    <a:bodyPr/>
                    <a:lstStyle/>
                    <a:p>
                      <a:pPr marR="189865" algn="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1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dirty="0">
                          <a:latin typeface="Verdana"/>
                          <a:cs typeface="Verdana"/>
                        </a:rPr>
                        <a:t>1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  <a:tc>
                  <a:txBody>
                    <a:bodyPr/>
                    <a:lstStyle/>
                    <a:p>
                      <a:pPr marL="91440">
                        <a:lnSpc>
                          <a:spcPct val="100000"/>
                        </a:lnSpc>
                        <a:spcBef>
                          <a:spcPts val="330"/>
                        </a:spcBef>
                      </a:pPr>
                      <a:r>
                        <a:rPr sz="1800" spc="-15" dirty="0">
                          <a:latin typeface="Verdana"/>
                          <a:cs typeface="Verdana"/>
                        </a:rPr>
                        <a:t>T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r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an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sm</a:t>
                      </a:r>
                      <a:r>
                        <a:rPr sz="1800" spc="20" dirty="0">
                          <a:latin typeface="Verdana"/>
                          <a:cs typeface="Verdana"/>
                        </a:rPr>
                        <a:t>i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t</a:t>
                      </a:r>
                      <a:r>
                        <a:rPr sz="1800" spc="-145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25" dirty="0">
                          <a:latin typeface="Verdana"/>
                          <a:cs typeface="Verdana"/>
                        </a:rPr>
                        <a:t>A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ck</a:t>
                      </a:r>
                      <a:r>
                        <a:rPr sz="1800" spc="-15" dirty="0">
                          <a:latin typeface="Verdana"/>
                          <a:cs typeface="Verdana"/>
                        </a:rPr>
                        <a:t>n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o</a:t>
                      </a:r>
                      <a:r>
                        <a:rPr sz="1800" spc="-35" dirty="0">
                          <a:latin typeface="Verdana"/>
                          <a:cs typeface="Verdana"/>
                        </a:rPr>
                        <a:t>w</a:t>
                      </a:r>
                      <a:r>
                        <a:rPr sz="1800" spc="10" dirty="0">
                          <a:latin typeface="Verdana"/>
                          <a:cs typeface="Verdana"/>
                        </a:rPr>
                        <a:t>l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e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dg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e</a:t>
                      </a:r>
                      <a:r>
                        <a:rPr sz="1800" spc="-100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15" dirty="0">
                          <a:latin typeface="Verdana"/>
                          <a:cs typeface="Verdana"/>
                        </a:rPr>
                        <a:t>t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o</a:t>
                      </a:r>
                      <a:r>
                        <a:rPr sz="1800" spc="-135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n</a:t>
                      </a:r>
                      <a:r>
                        <a:rPr sz="1800" spc="-10" dirty="0">
                          <a:latin typeface="Verdana"/>
                          <a:cs typeface="Verdana"/>
                        </a:rPr>
                        <a:t>e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xt</a:t>
                      </a:r>
                      <a:r>
                        <a:rPr sz="1800" spc="-110" dirty="0">
                          <a:latin typeface="Verdana"/>
                          <a:cs typeface="Verdana"/>
                        </a:rPr>
                        <a:t> </a:t>
                      </a:r>
                      <a:r>
                        <a:rPr sz="1800" spc="-5" dirty="0">
                          <a:latin typeface="Verdana"/>
                          <a:cs typeface="Verdana"/>
                        </a:rPr>
                        <a:t>de</a:t>
                      </a:r>
                      <a:r>
                        <a:rPr sz="1800" spc="15" dirty="0">
                          <a:latin typeface="Verdana"/>
                          <a:cs typeface="Verdana"/>
                        </a:rPr>
                        <a:t>v</a:t>
                      </a:r>
                      <a:r>
                        <a:rPr sz="1800" spc="20" dirty="0">
                          <a:latin typeface="Verdana"/>
                          <a:cs typeface="Verdana"/>
                        </a:rPr>
                        <a:t>i</a:t>
                      </a:r>
                      <a:r>
                        <a:rPr sz="1800" dirty="0">
                          <a:latin typeface="Verdana"/>
                          <a:cs typeface="Verdana"/>
                        </a:rPr>
                        <a:t>ce</a:t>
                      </a:r>
                      <a:endParaRPr sz="1800">
                        <a:latin typeface="Verdana"/>
                        <a:cs typeface="Verdana"/>
                      </a:endParaRPr>
                    </a:p>
                  </a:txBody>
                  <a:tcPr marL="0" marR="0" marT="41910" marB="0">
                    <a:lnL w="12700">
                      <a:solidFill>
                        <a:srgbClr val="FFFFFF"/>
                      </a:solidFill>
                      <a:prstDash val="solid"/>
                    </a:lnL>
                    <a:lnR w="12700">
                      <a:solidFill>
                        <a:srgbClr val="FFFFFF"/>
                      </a:solidFill>
                      <a:prstDash val="solid"/>
                    </a:lnR>
                    <a:lnT w="12700">
                      <a:solidFill>
                        <a:srgbClr val="FFFFFF"/>
                      </a:solidFill>
                      <a:prstDash val="solid"/>
                    </a:lnT>
                    <a:lnB w="12700">
                      <a:solidFill>
                        <a:srgbClr val="FFFFFF"/>
                      </a:solidFill>
                      <a:prstDash val="solid"/>
                    </a:lnB>
                    <a:solidFill>
                      <a:srgbClr val="E6CED3"/>
                    </a:solidFill>
                  </a:tcPr>
                </a:tc>
              </a:tr>
            </a:tbl>
          </a:graphicData>
        </a:graphic>
      </p:graphicFrame>
    </p:spTree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90611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70" dirty="0">
                <a:latin typeface="Verdana"/>
                <a:cs typeface="Verdana"/>
              </a:rPr>
              <a:t>Direc</a:t>
            </a:r>
            <a:r>
              <a:rPr sz="3600" spc="-50" dirty="0">
                <a:latin typeface="Verdana"/>
                <a:cs typeface="Verdana"/>
              </a:rPr>
              <a:t>t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25" dirty="0">
                <a:latin typeface="Verdana"/>
                <a:cs typeface="Verdana"/>
              </a:rPr>
              <a:t>Memory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55" dirty="0">
                <a:latin typeface="Verdana"/>
                <a:cs typeface="Verdana"/>
              </a:rPr>
              <a:t>Access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305" dirty="0">
                <a:latin typeface="Verdana"/>
                <a:cs typeface="Verdana"/>
              </a:rPr>
              <a:t>(</a:t>
            </a:r>
            <a:r>
              <a:rPr sz="3600" spc="10" dirty="0">
                <a:latin typeface="Verdana"/>
                <a:cs typeface="Verdana"/>
              </a:rPr>
              <a:t>DMA</a:t>
            </a:r>
            <a:r>
              <a:rPr sz="3600" spc="10" dirty="0">
                <a:solidFill>
                  <a:srgbClr val="F4E7EC"/>
                </a:solidFill>
                <a:latin typeface="Verdana"/>
                <a:cs typeface="Verdana"/>
              </a:rPr>
              <a:t>)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1779815"/>
            <a:ext cx="10163411" cy="3923510"/>
          </a:xfrm>
          <a:prstGeom prst="rect">
            <a:avLst/>
          </a:prstGeom>
        </p:spPr>
        <p:txBody>
          <a:bodyPr vert="horz" wrap="square" lIns="0" tIns="47625" rIns="0" bIns="0" rtlCol="0">
            <a:spAutoFit/>
          </a:bodyPr>
          <a:lstStyle/>
          <a:p>
            <a:pPr marL="355600" marR="5715" indent="-342900" algn="just">
              <a:lnSpc>
                <a:spcPts val="2160"/>
              </a:lnSpc>
              <a:spcBef>
                <a:spcPts val="37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me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 (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CPU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has 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check for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I/O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devic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) and Interrupt-driven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(CPU </a:t>
            </a:r>
            <a:r>
              <a:rPr sz="20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doesn’t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has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check for I/O device,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I/O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device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generate the interrupt signal)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 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ctive intervention of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etween memory and the I/O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odule,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s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raverse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rough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processor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90100"/>
              </a:lnSpc>
              <a:spcBef>
                <a:spcPts val="960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 of communication fo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between memory and input/outpu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evice,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xternal circuit called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DMA 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controlle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,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out involvemen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000">
              <a:latin typeface="Times New Roman"/>
              <a:cs typeface="Times New Roman"/>
            </a:endParaRPr>
          </a:p>
          <a:p>
            <a:pPr marL="355600" marR="6350" indent="-342900">
              <a:lnSpc>
                <a:spcPts val="2160"/>
              </a:lnSpc>
              <a:spcBef>
                <a:spcPts val="104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latin typeface="Times New Roman"/>
                <a:cs typeface="Times New Roman"/>
              </a:rPr>
              <a:t>DMA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is</a:t>
            </a:r>
            <a:r>
              <a:rPr sz="2000" spc="9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9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way</a:t>
            </a:r>
            <a:r>
              <a:rPr sz="2000" spc="8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o</a:t>
            </a:r>
            <a:r>
              <a:rPr sz="2000" spc="8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mprove</a:t>
            </a:r>
            <a:r>
              <a:rPr sz="2000" spc="8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processor</a:t>
            </a:r>
            <a:r>
              <a:rPr sz="2000" spc="10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activity</a:t>
            </a:r>
            <a:r>
              <a:rPr sz="2000" spc="9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d</a:t>
            </a:r>
            <a:r>
              <a:rPr sz="2000" spc="7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/O</a:t>
            </a:r>
            <a:r>
              <a:rPr sz="2000" spc="9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ransfer</a:t>
            </a:r>
            <a:r>
              <a:rPr sz="2000" spc="8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ate</a:t>
            </a:r>
            <a:r>
              <a:rPr sz="2000" spc="7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y</a:t>
            </a:r>
            <a:r>
              <a:rPr sz="2000" spc="9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aking-over</a:t>
            </a:r>
            <a:r>
              <a:rPr sz="2000" spc="8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he</a:t>
            </a:r>
            <a:r>
              <a:rPr sz="2000" spc="7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job </a:t>
            </a:r>
            <a:r>
              <a:rPr sz="2000" spc="-484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ransferring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data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from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cessor</a:t>
            </a:r>
            <a:r>
              <a:rPr sz="2000" spc="-4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d</a:t>
            </a:r>
            <a:r>
              <a:rPr sz="2000" spc="-5" dirty="0">
                <a:latin typeface="Times New Roman"/>
                <a:cs typeface="Times New Roman"/>
              </a:rPr>
              <a:t> letting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cessor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o</a:t>
            </a:r>
            <a:r>
              <a:rPr sz="2000" dirty="0">
                <a:latin typeface="Times New Roman"/>
                <a:cs typeface="Times New Roman"/>
              </a:rPr>
              <a:t> do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ther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ask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ts val="2280"/>
              </a:lnSpc>
              <a:spcBef>
                <a:spcPts val="725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-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akes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ver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es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nage</a:t>
            </a:r>
            <a:r>
              <a:rPr sz="20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rectly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ts val="228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unit.</a:t>
            </a:r>
            <a:endParaRPr sz="2000">
              <a:latin typeface="Times New Roman"/>
              <a:cs typeface="Times New Roman"/>
            </a:endParaRPr>
          </a:p>
          <a:p>
            <a:pPr marL="355600" marR="7620" indent="-342900">
              <a:lnSpc>
                <a:spcPts val="2160"/>
              </a:lnSpc>
              <a:spcBef>
                <a:spcPts val="103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1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3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0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ws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2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2000" spc="3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3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rectly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thout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ip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processor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93431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120" dirty="0">
                <a:latin typeface="Verdana"/>
                <a:cs typeface="Verdana"/>
              </a:rPr>
              <a:t>DMA</a:t>
            </a:r>
            <a:r>
              <a:rPr sz="3600" spc="-310" dirty="0">
                <a:latin typeface="Verdana"/>
                <a:cs typeface="Verdana"/>
              </a:rPr>
              <a:t> </a:t>
            </a:r>
            <a:r>
              <a:rPr sz="3600" spc="-85" dirty="0">
                <a:latin typeface="Verdana"/>
                <a:cs typeface="Verdana"/>
              </a:rPr>
              <a:t>Controll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043736" y="2240127"/>
            <a:ext cx="4858385" cy="696595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354965" marR="5080" indent="-342900">
              <a:lnSpc>
                <a:spcPct val="1101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ever</a:t>
            </a:r>
            <a:r>
              <a:rPr sz="2000" spc="3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20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ants</a:t>
            </a:r>
            <a:r>
              <a:rPr sz="20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4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20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,</a:t>
            </a:r>
            <a:r>
              <a:rPr sz="20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nds</a:t>
            </a:r>
            <a:r>
              <a:rPr sz="2000" spc="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386586" y="2941066"/>
            <a:ext cx="4528820" cy="33083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868680" algn="l"/>
                <a:tab pos="1878330" algn="l"/>
                <a:tab pos="2861310" algn="l"/>
                <a:tab pos="3335020" algn="l"/>
                <a:tab pos="3921760" algn="l"/>
              </a:tabLst>
            </a:pP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DMA	r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q</a:t>
            </a:r>
            <a:r>
              <a:rPr sz="2000" spc="10" dirty="0">
                <a:solidFill>
                  <a:srgbClr val="C00000"/>
                </a:solidFill>
                <a:latin typeface="Times New Roman"/>
                <a:cs typeface="Times New Roman"/>
              </a:rPr>
              <a:t>u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es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t	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(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DRQ)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	the	DMA</a:t>
            </a:r>
            <a:endParaRPr sz="20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1043736" y="3119983"/>
            <a:ext cx="4860290" cy="3425190"/>
          </a:xfrm>
          <a:prstGeom prst="rect">
            <a:avLst/>
          </a:prstGeom>
        </p:spPr>
        <p:txBody>
          <a:bodyPr vert="horz" wrap="square" lIns="0" tIns="169545" rIns="0" bIns="0" rtlCol="0">
            <a:spAutoFit/>
          </a:bodyPr>
          <a:lstStyle/>
          <a:p>
            <a:pPr marL="354965">
              <a:lnSpc>
                <a:spcPct val="100000"/>
              </a:lnSpc>
              <a:spcBef>
                <a:spcPts val="1335"/>
              </a:spcBef>
            </a:pP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ontroller.</a:t>
            </a:r>
            <a:endParaRPr sz="2000">
              <a:latin typeface="Times New Roman"/>
              <a:cs typeface="Times New Roman"/>
            </a:endParaRPr>
          </a:p>
          <a:p>
            <a:pPr marL="354965" marR="5080" indent="-342900" algn="just">
              <a:lnSpc>
                <a:spcPct val="110000"/>
              </a:lnSpc>
              <a:spcBef>
                <a:spcPts val="994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r accepts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hi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RQ </a:t>
            </a:r>
            <a:r>
              <a:rPr sz="2000" spc="-5" dirty="0">
                <a:latin typeface="Times New Roman"/>
                <a:cs typeface="Times New Roman"/>
              </a:rPr>
              <a:t>and asks </a:t>
            </a:r>
            <a:r>
              <a:rPr sz="2000" dirty="0">
                <a:latin typeface="Times New Roman"/>
                <a:cs typeface="Times New Roman"/>
              </a:rPr>
              <a:t> the CPU </a:t>
            </a:r>
            <a:r>
              <a:rPr sz="2000" spc="-10" dirty="0">
                <a:latin typeface="Times New Roman"/>
                <a:cs typeface="Times New Roman"/>
              </a:rPr>
              <a:t>to </a:t>
            </a:r>
            <a:r>
              <a:rPr sz="2000" spc="-5" dirty="0">
                <a:latin typeface="Times New Roman"/>
                <a:cs typeface="Times New Roman"/>
              </a:rPr>
              <a:t>hold </a:t>
            </a:r>
            <a:r>
              <a:rPr sz="2000" dirty="0">
                <a:latin typeface="Times New Roman"/>
                <a:cs typeface="Times New Roman"/>
              </a:rPr>
              <a:t>for a few </a:t>
            </a:r>
            <a:r>
              <a:rPr sz="2000" spc="-5" dirty="0">
                <a:latin typeface="Times New Roman"/>
                <a:cs typeface="Times New Roman"/>
              </a:rPr>
              <a:t>clock cycle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nding i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Bus Request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(BR)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Hold</a:t>
            </a:r>
            <a:r>
              <a:rPr sz="2000" spc="-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request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(HLD)</a:t>
            </a:r>
            <a:r>
              <a:rPr sz="20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ignal.</a:t>
            </a:r>
            <a:endParaRPr sz="2000">
              <a:latin typeface="Times New Roman"/>
              <a:cs typeface="Times New Roman"/>
            </a:endParaRPr>
          </a:p>
          <a:p>
            <a:pPr marL="354965" marR="5715" indent="-342900" algn="just">
              <a:lnSpc>
                <a:spcPct val="110000"/>
              </a:lnSpc>
              <a:spcBef>
                <a:spcPts val="101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9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Bus</a:t>
            </a:r>
            <a:r>
              <a:rPr sz="2000" spc="2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Request</a:t>
            </a:r>
            <a:r>
              <a:rPr sz="2000" spc="2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(BR)</a:t>
            </a:r>
            <a:r>
              <a:rPr sz="2000" spc="2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Hold</a:t>
            </a:r>
            <a:r>
              <a:rPr sz="2000" spc="2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C00000"/>
                </a:solidFill>
                <a:latin typeface="Times New Roman"/>
                <a:cs typeface="Times New Roman"/>
              </a:rPr>
              <a:t>request</a:t>
            </a:r>
            <a:r>
              <a:rPr sz="2000" spc="2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(HLD)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: </a:t>
            </a:r>
            <a:r>
              <a:rPr sz="2000" spc="-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d by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DMA controller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est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linquish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es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6" name="object 6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337881" y="2160812"/>
            <a:ext cx="5222748" cy="4109359"/>
          </a:xfrm>
          <a:prstGeom prst="rect">
            <a:avLst/>
          </a:prstGeom>
        </p:spPr>
      </p:pic>
      <p:sp>
        <p:nvSpPr>
          <p:cNvPr id="7" name="object 7"/>
          <p:cNvSpPr txBox="1"/>
          <p:nvPr/>
        </p:nvSpPr>
        <p:spPr>
          <a:xfrm>
            <a:off x="7101331" y="5936996"/>
            <a:ext cx="98298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spc="-55" dirty="0">
                <a:latin typeface="Tahoma"/>
                <a:cs typeface="Tahoma"/>
              </a:rPr>
              <a:t>IC</a:t>
            </a:r>
            <a:r>
              <a:rPr sz="1200" b="1" spc="-15" dirty="0">
                <a:latin typeface="Tahoma"/>
                <a:cs typeface="Tahoma"/>
              </a:rPr>
              <a:t> </a:t>
            </a:r>
            <a:r>
              <a:rPr sz="1200" b="1" spc="-105" dirty="0">
                <a:latin typeface="Tahoma"/>
                <a:cs typeface="Tahoma"/>
              </a:rPr>
              <a:t>8257/8237</a:t>
            </a:r>
            <a:endParaRPr sz="1200">
              <a:latin typeface="Tahoma"/>
              <a:cs typeface="Tahoma"/>
            </a:endParaRPr>
          </a:p>
        </p:txBody>
      </p:sp>
    </p:spTree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33932" y="2310511"/>
            <a:ext cx="5379720" cy="4224020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355600" marR="17780" indent="-342900" algn="just">
              <a:lnSpc>
                <a:spcPct val="100000"/>
              </a:lnSpc>
              <a:spcBef>
                <a:spcPts val="10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MA controlle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 address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register,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ord/dat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un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register,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gic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99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heneve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request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4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ad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rit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ata,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MA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 sending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llowing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.</a:t>
            </a:r>
            <a:endParaRPr sz="2000">
              <a:latin typeface="Times New Roman"/>
              <a:cs typeface="Times New Roman"/>
            </a:endParaRPr>
          </a:p>
          <a:p>
            <a:pPr marL="355600" marR="20955" indent="-342900" algn="just">
              <a:lnSpc>
                <a:spcPct val="110000"/>
              </a:lnSpc>
              <a:spcBef>
                <a:spcPts val="81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185" dirty="0">
                <a:solidFill>
                  <a:srgbClr val="B83C68"/>
                </a:solidFill>
                <a:latin typeface="Lucida Sans Unicode"/>
                <a:cs typeface="Lucida Sans Unicode"/>
              </a:rPr>
              <a:t> 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irst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2000" spc="4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 whether th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has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 read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 memory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 the data has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write 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memory.</a:t>
            </a:r>
            <a:endParaRPr sz="2000">
              <a:latin typeface="Times New Roman"/>
              <a:cs typeface="Times New Roman"/>
            </a:endParaRPr>
          </a:p>
          <a:p>
            <a:pPr marL="355600" marR="17780" indent="-342900" algn="just">
              <a:lnSpc>
                <a:spcPct val="110000"/>
              </a:lnSpc>
              <a:spcBef>
                <a:spcPts val="1000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t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passes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this</a:t>
            </a:r>
            <a:r>
              <a:rPr sz="2000" spc="-5" dirty="0">
                <a:latin typeface="Times New Roman"/>
                <a:cs typeface="Times New Roman"/>
              </a:rPr>
              <a:t> information</a:t>
            </a:r>
            <a:r>
              <a:rPr sz="2000" dirty="0">
                <a:latin typeface="Times New Roman"/>
                <a:cs typeface="Times New Roman"/>
              </a:rPr>
              <a:t> via</a:t>
            </a:r>
            <a:r>
              <a:rPr sz="2000" spc="5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read</a:t>
            </a:r>
            <a:r>
              <a:rPr sz="2000" spc="49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or</a:t>
            </a:r>
            <a:r>
              <a:rPr sz="2000" spc="49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write 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control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lin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hat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s between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the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processor</a:t>
            </a:r>
            <a:r>
              <a:rPr sz="200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and </a:t>
            </a:r>
            <a:r>
              <a:rPr sz="2000" spc="-484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DMA</a:t>
            </a:r>
            <a:r>
              <a:rPr sz="2000" spc="-1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ontroller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Control</a:t>
            </a:r>
            <a:r>
              <a:rPr sz="2000" spc="-3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logic</a:t>
            </a:r>
            <a:r>
              <a:rPr sz="2000" spc="-3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uni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</p:txBody>
      </p:sp>
      <p:pic>
        <p:nvPicPr>
          <p:cNvPr id="3" name="object 3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795516" y="2286000"/>
            <a:ext cx="4241291" cy="4419600"/>
          </a:xfrm>
          <a:prstGeom prst="rect">
            <a:avLst/>
          </a:prstGeom>
        </p:spPr>
      </p:pic>
      <p:sp>
        <p:nvSpPr>
          <p:cNvPr id="4" name="object 4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61792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120" dirty="0">
                <a:latin typeface="Verdana"/>
                <a:cs typeface="Verdana"/>
              </a:rPr>
              <a:t>DMA</a:t>
            </a:r>
            <a:r>
              <a:rPr sz="3600" spc="-305" dirty="0">
                <a:latin typeface="Verdana"/>
                <a:cs typeface="Verdana"/>
              </a:rPr>
              <a:t> </a:t>
            </a:r>
            <a:r>
              <a:rPr sz="3600" spc="45" dirty="0">
                <a:latin typeface="Verdana"/>
                <a:cs typeface="Verdana"/>
              </a:rPr>
              <a:t>block</a:t>
            </a:r>
            <a:r>
              <a:rPr sz="3600" spc="-295" dirty="0">
                <a:latin typeface="Verdana"/>
                <a:cs typeface="Verdana"/>
              </a:rPr>
              <a:t> </a:t>
            </a:r>
            <a:r>
              <a:rPr sz="3600" spc="15" dirty="0">
                <a:latin typeface="Verdana"/>
                <a:cs typeface="Verdana"/>
              </a:rPr>
              <a:t>diagram</a:t>
            </a:r>
            <a:endParaRPr sz="36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30591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120" dirty="0">
                <a:latin typeface="Verdana"/>
                <a:cs typeface="Verdana"/>
              </a:rPr>
              <a:t>DMA</a:t>
            </a:r>
            <a:r>
              <a:rPr sz="3600" spc="-310" dirty="0">
                <a:latin typeface="Verdana"/>
                <a:cs typeface="Verdana"/>
              </a:rPr>
              <a:t> </a:t>
            </a:r>
            <a:r>
              <a:rPr sz="3600" spc="70" dirty="0">
                <a:latin typeface="Verdana"/>
                <a:cs typeface="Verdana"/>
              </a:rPr>
              <a:t>Data</a:t>
            </a:r>
            <a:r>
              <a:rPr sz="3600" spc="-295" dirty="0">
                <a:latin typeface="Verdana"/>
                <a:cs typeface="Verdana"/>
              </a:rPr>
              <a:t> </a:t>
            </a:r>
            <a:r>
              <a:rPr sz="3600" spc="-225" dirty="0">
                <a:latin typeface="Verdana"/>
                <a:cs typeface="Verdana"/>
              </a:rPr>
              <a:t>Transfer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568958" y="2089784"/>
            <a:ext cx="8604885" cy="4275455"/>
          </a:xfrm>
          <a:prstGeom prst="rect">
            <a:avLst/>
          </a:prstGeom>
        </p:spPr>
        <p:txBody>
          <a:bodyPr vert="horz" wrap="square" lIns="0" tIns="11747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25"/>
              </a:spcBef>
              <a:tabLst>
                <a:tab pos="354965" algn="l"/>
              </a:tabLst>
            </a:pPr>
            <a:r>
              <a:rPr sz="1900" spc="5" dirty="0">
                <a:solidFill>
                  <a:srgbClr val="C00000"/>
                </a:solidFill>
                <a:latin typeface="Times New Roman"/>
                <a:cs typeface="Times New Roman"/>
              </a:rPr>
              <a:t>1.	</a:t>
            </a:r>
            <a:r>
              <a:rPr sz="2400" u="heavy" dirty="0">
                <a:solidFill>
                  <a:srgbClr val="C00000"/>
                </a:solidFill>
                <a:uFill>
                  <a:solidFill>
                    <a:srgbClr val="C00000"/>
                  </a:solidFill>
                </a:uFill>
                <a:latin typeface="Times New Roman"/>
                <a:cs typeface="Times New Roman"/>
              </a:rPr>
              <a:t>Burst</a:t>
            </a:r>
            <a:r>
              <a:rPr sz="2400" u="heavy" spc="-55" dirty="0">
                <a:solidFill>
                  <a:srgbClr val="C00000"/>
                </a:solidFill>
                <a:uFill>
                  <a:solidFill>
                    <a:srgbClr val="C00000"/>
                  </a:solidFill>
                </a:uFill>
                <a:latin typeface="Times New Roman"/>
                <a:cs typeface="Times New Roman"/>
              </a:rPr>
              <a:t> </a:t>
            </a:r>
            <a:r>
              <a:rPr sz="2400" u="heavy" dirty="0">
                <a:solidFill>
                  <a:srgbClr val="C00000"/>
                </a:solidFill>
                <a:uFill>
                  <a:solidFill>
                    <a:srgbClr val="C00000"/>
                  </a:solidFill>
                </a:uFill>
                <a:latin typeface="Times New Roman"/>
                <a:cs typeface="Times New Roman"/>
              </a:rPr>
              <a:t>Mode:</a:t>
            </a:r>
            <a:endParaRPr sz="2400">
              <a:latin typeface="Times New Roman"/>
              <a:cs typeface="Times New Roman"/>
            </a:endParaRPr>
          </a:p>
          <a:p>
            <a:pPr marL="354965" marR="7620" indent="-342900">
              <a:lnSpc>
                <a:spcPct val="100000"/>
              </a:lnSpc>
              <a:spcBef>
                <a:spcPts val="83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ere,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nce</a:t>
            </a:r>
            <a:r>
              <a:rPr sz="24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400" spc="-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gains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charge</a:t>
            </a:r>
            <a:r>
              <a:rPr sz="24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4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us,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ntire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ransferr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tiguous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equence.</a:t>
            </a:r>
            <a:endParaRPr sz="24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4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elease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4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ion</a:t>
            </a:r>
            <a:endParaRPr sz="2400">
              <a:latin typeface="Times New Roman"/>
              <a:cs typeface="Times New Roman"/>
            </a:endParaRPr>
          </a:p>
          <a:p>
            <a:pPr marL="354965">
              <a:lnSpc>
                <a:spcPct val="100000"/>
              </a:lnSpc>
              <a:spcBef>
                <a:spcPts val="5"/>
              </a:spcBef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transfer.</a:t>
            </a:r>
            <a:endParaRPr sz="2400">
              <a:latin typeface="Times New Roman"/>
              <a:cs typeface="Times New Roman"/>
            </a:endParaRPr>
          </a:p>
          <a:p>
            <a:pPr marL="354965" marR="8890" indent="-342900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Till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ait</a:t>
            </a:r>
            <a:r>
              <a:rPr sz="24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4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uses.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remains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active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latively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ong period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.</a:t>
            </a:r>
            <a:endParaRPr sz="24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erform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ork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ithout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requirement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system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4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asically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volum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4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166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ls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Block</a:t>
            </a:r>
            <a:r>
              <a:rPr sz="24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transfer</a:t>
            </a:r>
            <a:r>
              <a:rPr sz="2400" spc="-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od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656079" y="800100"/>
            <a:ext cx="5250907" cy="382156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400" dirty="0">
                <a:solidFill>
                  <a:srgbClr val="C00000"/>
                </a:solidFill>
              </a:rPr>
              <a:t>2</a:t>
            </a:r>
            <a:r>
              <a:rPr sz="2400" dirty="0"/>
              <a:t>.</a:t>
            </a:r>
            <a:r>
              <a:rPr sz="2400" spc="-30" dirty="0"/>
              <a:t> </a:t>
            </a:r>
            <a:r>
              <a:rPr sz="2400" u="heavy" dirty="0">
                <a:uFill>
                  <a:solidFill>
                    <a:srgbClr val="C00000"/>
                  </a:solidFill>
                </a:uFill>
              </a:rPr>
              <a:t>Cycle</a:t>
            </a:r>
            <a:r>
              <a:rPr sz="2400" u="heavy" spc="-35" dirty="0">
                <a:uFill>
                  <a:solidFill>
                    <a:srgbClr val="C00000"/>
                  </a:solidFill>
                </a:uFill>
              </a:rPr>
              <a:t> </a:t>
            </a:r>
            <a:r>
              <a:rPr sz="2400" u="heavy" dirty="0">
                <a:uFill>
                  <a:solidFill>
                    <a:srgbClr val="C00000"/>
                  </a:solidFill>
                </a:uFill>
              </a:rPr>
              <a:t>Stealing</a:t>
            </a:r>
            <a:r>
              <a:rPr sz="2400" u="heavy" spc="-55" dirty="0">
                <a:uFill>
                  <a:solidFill>
                    <a:srgbClr val="C00000"/>
                  </a:solidFill>
                </a:uFill>
              </a:rPr>
              <a:t> </a:t>
            </a:r>
            <a:r>
              <a:rPr sz="2400" u="heavy" dirty="0">
                <a:uFill>
                  <a:solidFill>
                    <a:srgbClr val="C00000"/>
                  </a:solidFill>
                </a:uFill>
              </a:rPr>
              <a:t>Mode:</a:t>
            </a:r>
            <a:endParaRPr sz="2400"/>
          </a:p>
        </p:txBody>
      </p:sp>
      <p:sp>
        <p:nvSpPr>
          <p:cNvPr id="3" name="object 3"/>
          <p:cNvSpPr txBox="1"/>
          <p:nvPr/>
        </p:nvSpPr>
        <p:spPr>
          <a:xfrm>
            <a:off x="1656079" y="1616529"/>
            <a:ext cx="8685530" cy="4117794"/>
          </a:xfrm>
          <a:prstGeom prst="rect">
            <a:avLst/>
          </a:prstGeom>
        </p:spPr>
        <p:txBody>
          <a:bodyPr vert="horz" wrap="square" lIns="0" tIns="140970" rIns="0" bIns="0" rtlCol="0">
            <a:spAutoFit/>
          </a:bodyPr>
          <a:lstStyle/>
          <a:p>
            <a:pPr marL="355600" indent="-342900">
              <a:lnSpc>
                <a:spcPct val="100000"/>
              </a:lnSpc>
              <a:spcBef>
                <a:spcPts val="1110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ode, 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t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t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ord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word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orces</a:t>
            </a:r>
            <a:r>
              <a:rPr sz="20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0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op</a:t>
            </a:r>
            <a:r>
              <a:rPr sz="2000" spc="4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0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2000" spc="4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4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linquish</a:t>
            </a:r>
            <a:r>
              <a:rPr sz="2000" spc="4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ve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short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erio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-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ontroller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very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yte,</a:t>
            </a:r>
            <a:r>
              <a:rPr sz="2000" spc="2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leases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n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gai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quests</a:t>
            </a:r>
            <a:r>
              <a:rPr sz="20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s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inu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 entir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lock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way,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MA</a:t>
            </a:r>
            <a:r>
              <a:rPr sz="2000" spc="-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ler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eal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clock cycle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ring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ver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yte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Basicall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ransf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very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mal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volum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00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ransfer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otal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lock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000">
              <a:latin typeface="Times New Roman"/>
              <a:cs typeface="Times New Roman"/>
            </a:endParaRPr>
          </a:p>
          <a:p>
            <a:pPr marL="355600" indent="-342900">
              <a:lnSpc>
                <a:spcPct val="100000"/>
              </a:lnSpc>
              <a:spcBef>
                <a:spcPts val="1005"/>
              </a:spcBef>
              <a:buClr>
                <a:srgbClr val="B83C68"/>
              </a:buClr>
              <a:buSzPct val="80000"/>
              <a:buFont typeface="Wingdings"/>
              <a:buChar char=""/>
              <a:tabLst>
                <a:tab pos="354965" algn="l"/>
                <a:tab pos="355600" algn="l"/>
              </a:tabLst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t,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tiliza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urs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03147" y="669471"/>
            <a:ext cx="4266924" cy="321242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2000" dirty="0"/>
              <a:t>3.</a:t>
            </a:r>
            <a:r>
              <a:rPr sz="2000" spc="-60" dirty="0"/>
              <a:t> </a:t>
            </a:r>
            <a:r>
              <a:rPr sz="2000" u="heavy" spc="-10" dirty="0">
                <a:uFill>
                  <a:solidFill>
                    <a:srgbClr val="C00000"/>
                  </a:solidFill>
                </a:uFill>
              </a:rPr>
              <a:t>Transparent</a:t>
            </a:r>
            <a:r>
              <a:rPr sz="2000" u="heavy" spc="-60" dirty="0">
                <a:uFill>
                  <a:solidFill>
                    <a:srgbClr val="C00000"/>
                  </a:solidFill>
                </a:uFill>
              </a:rPr>
              <a:t> </a:t>
            </a:r>
            <a:r>
              <a:rPr sz="2000" u="heavy" dirty="0">
                <a:uFill>
                  <a:solidFill>
                    <a:srgbClr val="C00000"/>
                  </a:solidFill>
                </a:uFill>
              </a:rPr>
              <a:t>Mode</a:t>
            </a:r>
            <a:endParaRPr sz="2000"/>
          </a:p>
        </p:txBody>
      </p:sp>
      <p:sp>
        <p:nvSpPr>
          <p:cNvPr id="3" name="object 3"/>
          <p:cNvSpPr txBox="1"/>
          <p:nvPr/>
        </p:nvSpPr>
        <p:spPr>
          <a:xfrm>
            <a:off x="1203147" y="1273629"/>
            <a:ext cx="9792335" cy="1516441"/>
          </a:xfrm>
          <a:prstGeom prst="rect">
            <a:avLst/>
          </a:prstGeom>
        </p:spPr>
        <p:txBody>
          <a:bodyPr vert="horz" wrap="square" lIns="0" tIns="43815" rIns="0" bIns="0" rtlCol="0">
            <a:spAutoFit/>
          </a:bodyPr>
          <a:lstStyle/>
          <a:p>
            <a:pPr marL="355600" marR="5080" indent="-343535">
              <a:lnSpc>
                <a:spcPts val="1939"/>
              </a:lnSpc>
              <a:spcBef>
                <a:spcPts val="345"/>
              </a:spcBef>
              <a:buClr>
                <a:srgbClr val="B83C68"/>
              </a:buClr>
              <a:buSzPct val="80555"/>
              <a:buFont typeface="Wingdings"/>
              <a:buChar char=""/>
              <a:tabLst>
                <a:tab pos="354965" algn="l"/>
                <a:tab pos="356235" algn="l"/>
              </a:tabLst>
            </a:pPr>
            <a:r>
              <a:rPr sz="1800" spc="-5" dirty="0">
                <a:latin typeface="Times New Roman"/>
                <a:cs typeface="Times New Roman"/>
              </a:rPr>
              <a:t>DMA</a:t>
            </a:r>
            <a:r>
              <a:rPr sz="1800" spc="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troller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akes</a:t>
            </a:r>
            <a:r>
              <a:rPr sz="1800" spc="180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charge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17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ystem</a:t>
            </a:r>
            <a:r>
              <a:rPr sz="1800" spc="19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bus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for</a:t>
            </a:r>
            <a:r>
              <a:rPr sz="1800" spc="16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data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ransfer</a:t>
            </a:r>
            <a:r>
              <a:rPr sz="1800" spc="18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only</a:t>
            </a:r>
            <a:r>
              <a:rPr sz="1800" spc="19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when</a:t>
            </a:r>
            <a:r>
              <a:rPr sz="1800" spc="18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CPU</a:t>
            </a:r>
            <a:r>
              <a:rPr sz="1800" spc="18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performing</a:t>
            </a:r>
            <a:r>
              <a:rPr sz="1800" spc="19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operations </a:t>
            </a:r>
            <a:r>
              <a:rPr sz="1800" spc="-434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without </a:t>
            </a:r>
            <a:r>
              <a:rPr sz="1800" dirty="0">
                <a:latin typeface="Times New Roman"/>
                <a:cs typeface="Times New Roman"/>
              </a:rPr>
              <a:t>using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system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bus.</a:t>
            </a:r>
            <a:endParaRPr sz="1800">
              <a:latin typeface="Times New Roman"/>
              <a:cs typeface="Times New Roman"/>
            </a:endParaRPr>
          </a:p>
          <a:p>
            <a:pPr marL="355600" indent="-343535">
              <a:lnSpc>
                <a:spcPct val="100000"/>
              </a:lnSpc>
              <a:spcBef>
                <a:spcPts val="360"/>
              </a:spcBef>
              <a:buClr>
                <a:srgbClr val="B83C68"/>
              </a:buClr>
              <a:buSzPct val="80555"/>
              <a:buFont typeface="Wingdings"/>
              <a:buChar char=""/>
              <a:tabLst>
                <a:tab pos="354965" algn="l"/>
                <a:tab pos="356235" algn="l"/>
              </a:tabLst>
            </a:pPr>
            <a:r>
              <a:rPr sz="1800" spc="-5" dirty="0">
                <a:latin typeface="Times New Roman"/>
                <a:cs typeface="Times New Roman"/>
              </a:rPr>
              <a:t>CPU </a:t>
            </a:r>
            <a:r>
              <a:rPr sz="1800" dirty="0">
                <a:latin typeface="Times New Roman"/>
                <a:cs typeface="Times New Roman"/>
              </a:rPr>
              <a:t>executes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program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and</a:t>
            </a:r>
            <a:r>
              <a:rPr sz="1800" spc="-5" dirty="0">
                <a:latin typeface="Times New Roman"/>
                <a:cs typeface="Times New Roman"/>
              </a:rPr>
              <a:t> DMA</a:t>
            </a:r>
            <a:r>
              <a:rPr sz="1800" spc="-10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troller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akes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spc="-10" dirty="0">
                <a:latin typeface="Times New Roman"/>
                <a:cs typeface="Times New Roman"/>
              </a:rPr>
              <a:t>charge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data </a:t>
            </a:r>
            <a:r>
              <a:rPr sz="1800" spc="-10" dirty="0">
                <a:latin typeface="Times New Roman"/>
                <a:cs typeface="Times New Roman"/>
              </a:rPr>
              <a:t>transfer.</a:t>
            </a:r>
            <a:endParaRPr sz="1800">
              <a:latin typeface="Times New Roman"/>
              <a:cs typeface="Times New Roman"/>
            </a:endParaRPr>
          </a:p>
          <a:p>
            <a:pPr marL="355600" indent="-343535">
              <a:lnSpc>
                <a:spcPct val="100000"/>
              </a:lnSpc>
              <a:spcBef>
                <a:spcPts val="385"/>
              </a:spcBef>
              <a:buClr>
                <a:srgbClr val="B83C68"/>
              </a:buClr>
              <a:buSzPct val="80555"/>
              <a:buFont typeface="Wingdings"/>
              <a:buChar char=""/>
              <a:tabLst>
                <a:tab pos="354965" algn="l"/>
                <a:tab pos="356235" algn="l"/>
              </a:tabLst>
            </a:pPr>
            <a:r>
              <a:rPr sz="1800" spc="-5" dirty="0">
                <a:latin typeface="Times New Roman"/>
                <a:cs typeface="Times New Roman"/>
              </a:rPr>
              <a:t>When</a:t>
            </a:r>
            <a:r>
              <a:rPr sz="1800" spc="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</a:t>
            </a:r>
            <a:r>
              <a:rPr sz="1800" spc="-5" dirty="0">
                <a:latin typeface="Times New Roman"/>
                <a:cs typeface="Times New Roman"/>
              </a:rPr>
              <a:t>CPU</a:t>
            </a:r>
            <a:r>
              <a:rPr sz="1800" dirty="0">
                <a:latin typeface="Times New Roman"/>
                <a:cs typeface="Times New Roman"/>
              </a:rPr>
              <a:t> requires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 system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bus</a:t>
            </a:r>
            <a:r>
              <a:rPr sz="1800" dirty="0">
                <a:latin typeface="Times New Roman"/>
                <a:cs typeface="Times New Roman"/>
              </a:rPr>
              <a:t> th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DMA</a:t>
            </a:r>
            <a:r>
              <a:rPr sz="1800" spc="-8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troller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releases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trol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ver</a:t>
            </a:r>
            <a:r>
              <a:rPr sz="1800" spc="-5" dirty="0">
                <a:latin typeface="Times New Roman"/>
                <a:cs typeface="Times New Roman"/>
              </a:rPr>
              <a:t> buses.</a:t>
            </a:r>
            <a:endParaRPr sz="1800">
              <a:latin typeface="Times New Roman"/>
              <a:cs typeface="Times New Roman"/>
            </a:endParaRPr>
          </a:p>
          <a:p>
            <a:pPr marL="355600" indent="-343535">
              <a:lnSpc>
                <a:spcPct val="100000"/>
              </a:lnSpc>
              <a:spcBef>
                <a:spcPts val="385"/>
              </a:spcBef>
              <a:buClr>
                <a:srgbClr val="B83C68"/>
              </a:buClr>
              <a:buSzPct val="80555"/>
              <a:buFont typeface="Wingdings"/>
              <a:buChar char=""/>
              <a:tabLst>
                <a:tab pos="354965" algn="l"/>
                <a:tab pos="356235" algn="l"/>
              </a:tabLst>
            </a:pPr>
            <a:r>
              <a:rPr sz="1800" spc="-5" dirty="0">
                <a:latin typeface="Times New Roman"/>
                <a:cs typeface="Times New Roman"/>
              </a:rPr>
              <a:t>Complex</a:t>
            </a:r>
            <a:r>
              <a:rPr sz="1800" spc="-3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hardware.</a:t>
            </a:r>
            <a:endParaRPr sz="1800">
              <a:latin typeface="Times New Roman"/>
              <a:cs typeface="Times New Roman"/>
            </a:endParaRPr>
          </a:p>
        </p:txBody>
      </p:sp>
      <p:graphicFrame>
        <p:nvGraphicFramePr>
          <p:cNvPr id="4" name="object 4"/>
          <p:cNvGraphicFramePr>
            <a:graphicFrameLocks noGrp="1"/>
          </p:cNvGraphicFramePr>
          <p:nvPr/>
        </p:nvGraphicFramePr>
        <p:xfrm>
          <a:off x="1336349" y="3075323"/>
          <a:ext cx="9411969" cy="2438428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169160"/>
                <a:gridCol w="7242809"/>
              </a:tblGrid>
              <a:tr h="696721">
                <a:tc rowSpan="2">
                  <a:txBody>
                    <a:bodyPr/>
                    <a:lstStyle/>
                    <a:p>
                      <a:pPr marL="68580">
                        <a:lnSpc>
                          <a:spcPts val="2105"/>
                        </a:lnSpc>
                      </a:pPr>
                      <a:r>
                        <a:rPr sz="1800" b="1" spc="-5" dirty="0">
                          <a:latin typeface="Times New Roman"/>
                          <a:cs typeface="Times New Roman"/>
                        </a:rPr>
                        <a:t>Advantages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297180">
                        <a:lnSpc>
                          <a:spcPts val="2105"/>
                        </a:lnSpc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-</a:t>
                      </a:r>
                      <a:r>
                        <a:rPr sz="1800" spc="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allows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a peripheral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device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800" spc="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read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from/write</a:t>
                      </a:r>
                      <a:r>
                        <a:rPr sz="1800" spc="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memory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 without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going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  <a:p>
                      <a:pPr marL="525780">
                        <a:lnSpc>
                          <a:spcPct val="100000"/>
                        </a:lnSpc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through</a:t>
                      </a:r>
                      <a:r>
                        <a:rPr sz="1800" spc="-3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800" spc="-3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CPU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696683">
                <a:tc v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525780" marR="678180" indent="-229235">
                        <a:lnSpc>
                          <a:spcPts val="2160"/>
                        </a:lnSpc>
                        <a:spcBef>
                          <a:spcPts val="20"/>
                        </a:spcBef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-</a:t>
                      </a:r>
                      <a:r>
                        <a:rPr sz="1800" spc="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allows for faster processing since the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processor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an be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working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on </a:t>
                      </a:r>
                      <a:r>
                        <a:rPr sz="1800" spc="-44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something else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while the peripheral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an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be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busy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with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memory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254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696683">
                <a:tc rowSpan="2">
                  <a:txBody>
                    <a:bodyPr/>
                    <a:lstStyle/>
                    <a:p>
                      <a:pPr marL="68580">
                        <a:lnSpc>
                          <a:spcPts val="2110"/>
                        </a:lnSpc>
                      </a:pPr>
                      <a:r>
                        <a:rPr sz="1800" b="1" spc="-5" dirty="0">
                          <a:latin typeface="Times New Roman"/>
                          <a:cs typeface="Times New Roman"/>
                        </a:rPr>
                        <a:t>Disadvantages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525780" marR="391795" indent="-229235">
                        <a:lnSpc>
                          <a:spcPts val="2160"/>
                        </a:lnSpc>
                        <a:spcBef>
                          <a:spcPts val="20"/>
                        </a:spcBef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-</a:t>
                      </a:r>
                      <a:r>
                        <a:rPr sz="1800" spc="434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requires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a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DMA</a:t>
                      </a:r>
                      <a:r>
                        <a:rPr sz="1800" spc="-10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ontroller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o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arry</a:t>
                      </a:r>
                      <a:r>
                        <a:rPr sz="1800" spc="-1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out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operation,</a:t>
                      </a:r>
                      <a:r>
                        <a:rPr sz="1800" spc="-2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which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increases </a:t>
                      </a:r>
                      <a:r>
                        <a:rPr sz="1800" spc="-434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ost of</a:t>
                      </a:r>
                      <a:r>
                        <a:rPr sz="1800" spc="-10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the system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254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348341">
                <a:tc v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297180">
                        <a:lnSpc>
                          <a:spcPts val="2110"/>
                        </a:lnSpc>
                      </a:pPr>
                      <a:r>
                        <a:rPr sz="1800" dirty="0">
                          <a:latin typeface="Times New Roman"/>
                          <a:cs typeface="Times New Roman"/>
                        </a:rPr>
                        <a:t>-</a:t>
                      </a:r>
                      <a:r>
                        <a:rPr sz="1800" spc="42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ache</a:t>
                      </a:r>
                      <a:r>
                        <a:rPr sz="1800" spc="-2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dirty="0">
                          <a:latin typeface="Times New Roman"/>
                          <a:cs typeface="Times New Roman"/>
                        </a:rPr>
                        <a:t>coherence</a:t>
                      </a:r>
                      <a:r>
                        <a:rPr sz="1800" spc="-25" dirty="0">
                          <a:latin typeface="Times New Roman"/>
                          <a:cs typeface="Times New Roman"/>
                        </a:rPr>
                        <a:t> </a:t>
                      </a:r>
                      <a:r>
                        <a:rPr sz="1800" spc="-5" dirty="0">
                          <a:latin typeface="Times New Roman"/>
                          <a:cs typeface="Times New Roman"/>
                        </a:rPr>
                        <a:t>problems</a:t>
                      </a: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12700">
                      <a:solidFill>
                        <a:srgbClr val="000000"/>
                      </a:solidFill>
                      <a:prstDash val="solid"/>
                    </a:lnL>
                    <a:lnR w="12700">
                      <a:solidFill>
                        <a:srgbClr val="000000"/>
                      </a:solidFill>
                      <a:prstDash val="solid"/>
                    </a:lnR>
                    <a:lnT w="12700">
                      <a:solidFill>
                        <a:srgbClr val="000000"/>
                      </a:solidFill>
                      <a:prstDash val="solid"/>
                    </a:lnT>
                    <a:lnB w="12700">
                      <a:solidFill>
                        <a:srgbClr val="000000"/>
                      </a:solidFill>
                      <a:prstDash val="solid"/>
                    </a:lnB>
                    <a:solidFill>
                      <a:srgbClr val="FFFFFF"/>
                    </a:solidFill>
                  </a:tcPr>
                </a:tc>
              </a:tr>
            </a:tbl>
          </a:graphicData>
        </a:graphic>
      </p:graphicFrame>
    </p:spTree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253605" cy="11208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30" dirty="0">
                <a:latin typeface="Verdana"/>
                <a:cs typeface="Verdana"/>
              </a:rPr>
              <a:t>I/</a:t>
            </a:r>
            <a:r>
              <a:rPr sz="3600" spc="-225" dirty="0">
                <a:latin typeface="Verdana"/>
                <a:cs typeface="Verdana"/>
              </a:rPr>
              <a:t>O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55" dirty="0">
                <a:latin typeface="Verdana"/>
                <a:cs typeface="Verdana"/>
              </a:rPr>
              <a:t>Channel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140" dirty="0">
                <a:latin typeface="Verdana"/>
                <a:cs typeface="Verdana"/>
              </a:rPr>
              <a:t>an</a:t>
            </a:r>
            <a:r>
              <a:rPr sz="3600" spc="145" dirty="0">
                <a:latin typeface="Verdana"/>
                <a:cs typeface="Verdana"/>
              </a:rPr>
              <a:t>d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40" dirty="0">
                <a:latin typeface="Verdana"/>
                <a:cs typeface="Verdana"/>
              </a:rPr>
              <a:t>P</a:t>
            </a:r>
            <a:r>
              <a:rPr sz="3600" spc="55" dirty="0">
                <a:latin typeface="Verdana"/>
                <a:cs typeface="Verdana"/>
              </a:rPr>
              <a:t>ro</a:t>
            </a:r>
            <a:r>
              <a:rPr sz="3600" spc="45" dirty="0">
                <a:latin typeface="Verdana"/>
                <a:cs typeface="Verdana"/>
              </a:rPr>
              <a:t>c</a:t>
            </a:r>
            <a:r>
              <a:rPr sz="3600" spc="-145" dirty="0">
                <a:latin typeface="Verdana"/>
                <a:cs typeface="Verdana"/>
              </a:rPr>
              <a:t>ess</a:t>
            </a:r>
            <a:r>
              <a:rPr sz="3600" spc="-175" dirty="0">
                <a:latin typeface="Verdana"/>
                <a:cs typeface="Verdana"/>
              </a:rPr>
              <a:t>o</a:t>
            </a:r>
            <a:r>
              <a:rPr sz="3600" spc="-455" dirty="0">
                <a:latin typeface="Verdana"/>
                <a:cs typeface="Verdana"/>
              </a:rPr>
              <a:t>r</a:t>
            </a:r>
            <a:r>
              <a:rPr sz="3600" spc="-229" dirty="0">
                <a:latin typeface="Verdana"/>
                <a:cs typeface="Verdana"/>
              </a:rPr>
              <a:t> </a:t>
            </a:r>
            <a:r>
              <a:rPr sz="3600" spc="-190" dirty="0">
                <a:latin typeface="Verdana"/>
                <a:cs typeface="Verdana"/>
              </a:rPr>
              <a:t>(IO</a:t>
            </a:r>
            <a:r>
              <a:rPr sz="3600" spc="-195" dirty="0">
                <a:latin typeface="Verdana"/>
                <a:cs typeface="Verdana"/>
              </a:rPr>
              <a:t>P</a:t>
            </a:r>
            <a:r>
              <a:rPr sz="3600" spc="-310" dirty="0">
                <a:latin typeface="Verdana"/>
                <a:cs typeface="Verdana"/>
              </a:rPr>
              <a:t>)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119327" y="2314701"/>
            <a:ext cx="5236845" cy="4363085"/>
          </a:xfrm>
          <a:prstGeom prst="rect">
            <a:avLst/>
          </a:prstGeom>
        </p:spPr>
        <p:txBody>
          <a:bodyPr vert="horz" wrap="square" lIns="0" tIns="49530" rIns="0" bIns="0" rtlCol="0">
            <a:spAutoFit/>
          </a:bodyPr>
          <a:lstStyle/>
          <a:p>
            <a:pPr marL="355600" marR="5080" indent="-343535" algn="just">
              <a:lnSpc>
                <a:spcPts val="2380"/>
              </a:lnSpc>
              <a:spcBef>
                <a:spcPts val="39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ea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vin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interfac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unicat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i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processor,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incorporat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on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ternal</a:t>
            </a:r>
            <a:r>
              <a:rPr sz="2200" spc="5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200" spc="5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5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sign</a:t>
            </a:r>
            <a:r>
              <a:rPr sz="2200" spc="5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m</a:t>
            </a:r>
            <a:r>
              <a:rPr sz="2200" spc="5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200" spc="-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unicat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irectly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s.</a:t>
            </a:r>
            <a:endParaRPr sz="2200">
              <a:latin typeface="Times New Roman"/>
              <a:cs typeface="Times New Roman"/>
            </a:endParaRPr>
          </a:p>
          <a:p>
            <a:pPr marL="355600" marR="6350" indent="-343535" algn="just">
              <a:lnSpc>
                <a:spcPts val="2380"/>
              </a:lnSpc>
              <a:spcBef>
                <a:spcPts val="98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 secondary processor is called as I/O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hannel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(IOP)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ts val="2380"/>
              </a:lnSpc>
              <a:spcBef>
                <a:spcPts val="100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29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 communication between the IOP and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device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imilar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53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program </a:t>
            </a:r>
            <a:r>
              <a:rPr sz="2200" spc="-53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control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method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of </a:t>
            </a:r>
            <a:r>
              <a:rPr sz="2200" spc="-20" dirty="0">
                <a:solidFill>
                  <a:srgbClr val="1A1A1A"/>
                </a:solidFill>
                <a:latin typeface="Times New Roman"/>
                <a:cs typeface="Times New Roman"/>
              </a:rPr>
              <a:t>transfer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ts val="2380"/>
              </a:lnSpc>
              <a:spcBef>
                <a:spcPts val="98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d the communication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of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OP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with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memory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imilar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direct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memory </a:t>
            </a:r>
            <a:r>
              <a:rPr sz="2200" spc="-53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access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 method.</a:t>
            </a:r>
            <a:endParaRPr sz="2200">
              <a:latin typeface="Times New Roman"/>
              <a:cs typeface="Times New Roman"/>
            </a:endParaRPr>
          </a:p>
        </p:txBody>
      </p:sp>
      <p:pic>
        <p:nvPicPr>
          <p:cNvPr id="4" name="object 4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6627876" y="2667000"/>
            <a:ext cx="4802124" cy="3944112"/>
          </a:xfrm>
          <a:prstGeom prst="rect">
            <a:avLst/>
          </a:prstGeom>
        </p:spPr>
      </p:pic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3298316" y="1029715"/>
            <a:ext cx="447484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5" dirty="0">
                <a:solidFill>
                  <a:srgbClr val="F4E7EC"/>
                </a:solidFill>
                <a:latin typeface="Verdana"/>
                <a:cs typeface="Verdana"/>
              </a:rPr>
              <a:t>Lecture</a:t>
            </a:r>
            <a:r>
              <a:rPr sz="3600" spc="-270" dirty="0">
                <a:solidFill>
                  <a:srgbClr val="F4E7EC"/>
                </a:solidFill>
                <a:latin typeface="Verdana"/>
                <a:cs typeface="Verdana"/>
              </a:rPr>
              <a:t> </a:t>
            </a:r>
            <a:r>
              <a:rPr sz="3600" spc="15" dirty="0">
                <a:solidFill>
                  <a:srgbClr val="F4E7EC"/>
                </a:solidFill>
                <a:latin typeface="Verdana"/>
                <a:cs typeface="Verdana"/>
              </a:rPr>
              <a:t>of</a:t>
            </a:r>
            <a:r>
              <a:rPr sz="3600" spc="-280" dirty="0">
                <a:solidFill>
                  <a:srgbClr val="F4E7EC"/>
                </a:solidFill>
                <a:latin typeface="Verdana"/>
                <a:cs typeface="Verdana"/>
              </a:rPr>
              <a:t> </a:t>
            </a:r>
            <a:r>
              <a:rPr sz="3600" spc="280" dirty="0">
                <a:solidFill>
                  <a:srgbClr val="F4E7EC"/>
                </a:solidFill>
                <a:latin typeface="Verdana"/>
                <a:cs typeface="Verdana"/>
              </a:rPr>
              <a:t>M</a:t>
            </a:r>
            <a:r>
              <a:rPr sz="3600" spc="45" dirty="0">
                <a:solidFill>
                  <a:srgbClr val="F4E7EC"/>
                </a:solidFill>
                <a:latin typeface="Verdana"/>
                <a:cs typeface="Verdana"/>
              </a:rPr>
              <a:t>odule</a:t>
            </a:r>
            <a:r>
              <a:rPr sz="3600" spc="-270" dirty="0">
                <a:solidFill>
                  <a:srgbClr val="F4E7EC"/>
                </a:solidFill>
                <a:latin typeface="Verdana"/>
                <a:cs typeface="Verdana"/>
              </a:rPr>
              <a:t> </a:t>
            </a:r>
            <a:r>
              <a:rPr sz="3600" spc="-295" dirty="0">
                <a:solidFill>
                  <a:srgbClr val="F4E7EC"/>
                </a:solidFill>
                <a:latin typeface="Verdana"/>
                <a:cs typeface="Verdana"/>
              </a:rPr>
              <a:t>4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3904234" y="3681806"/>
            <a:ext cx="4184015" cy="45212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2800" b="1" dirty="0">
                <a:solidFill>
                  <a:srgbClr val="404040"/>
                </a:solidFill>
                <a:latin typeface="Times New Roman"/>
                <a:cs typeface="Times New Roman"/>
              </a:rPr>
              <a:t>Input/Output</a:t>
            </a:r>
            <a:r>
              <a:rPr sz="2800" b="1" spc="-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b="1" spc="-5" dirty="0">
                <a:solidFill>
                  <a:srgbClr val="404040"/>
                </a:solidFill>
                <a:latin typeface="Times New Roman"/>
                <a:cs typeface="Times New Roman"/>
              </a:rPr>
              <a:t>Organization</a:t>
            </a:r>
            <a:endParaRPr sz="2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639315" y="1224643"/>
            <a:ext cx="9692713" cy="4144083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ts val="251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</a:t>
            </a:r>
            <a:r>
              <a:rPr sz="2200" spc="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</a:t>
            </a:r>
            <a:r>
              <a:rPr sz="2200" spc="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large</a:t>
            </a:r>
            <a:r>
              <a:rPr sz="2200" spc="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1A1A1A"/>
                </a:solidFill>
                <a:latin typeface="Times New Roman"/>
                <a:cs typeface="Times New Roman"/>
              </a:rPr>
              <a:t>computer,</a:t>
            </a:r>
            <a:r>
              <a:rPr sz="2200" spc="4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ach</a:t>
            </a:r>
            <a:r>
              <a:rPr sz="2200" spc="4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processor</a:t>
            </a:r>
            <a:r>
              <a:rPr sz="2200" spc="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spc="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dependent</a:t>
            </a:r>
            <a:r>
              <a:rPr sz="2200" spc="3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of</a:t>
            </a:r>
            <a:r>
              <a:rPr sz="2200" spc="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other</a:t>
            </a:r>
            <a:r>
              <a:rPr sz="2200" spc="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processors,</a:t>
            </a:r>
            <a:r>
              <a:rPr sz="2200" spc="3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d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ts val="2510"/>
              </a:lnSpc>
            </a:pP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y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processor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can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itiate</a:t>
            </a:r>
            <a:r>
              <a:rPr sz="2200" spc="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operations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>
              <a:lnSpc>
                <a:spcPts val="2380"/>
              </a:lnSpc>
              <a:spcBef>
                <a:spcPts val="1030"/>
              </a:spcBef>
              <a:tabLst>
                <a:tab pos="354965" algn="l"/>
                <a:tab pos="955675" algn="l"/>
                <a:tab pos="1562735" algn="l"/>
                <a:tab pos="2658110" algn="l"/>
                <a:tab pos="4191635" algn="l"/>
                <a:tab pos="4902200" algn="l"/>
                <a:tab pos="5610860" algn="l"/>
                <a:tab pos="6181090" algn="l"/>
                <a:tab pos="7198995" algn="l"/>
                <a:tab pos="783272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P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o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p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rat</a:t>
            </a:r>
            <a:r>
              <a:rPr sz="2200" spc="-15" dirty="0">
                <a:solidFill>
                  <a:srgbClr val="1A1A1A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d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p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n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d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nt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fr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m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d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ransfer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da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t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between  peripheral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d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30" dirty="0">
                <a:solidFill>
                  <a:srgbClr val="1A1A1A"/>
                </a:solidFill>
                <a:latin typeface="Times New Roman"/>
                <a:cs typeface="Times New Roman"/>
              </a:rPr>
              <a:t>memory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510"/>
              </a:lnSpc>
              <a:spcBef>
                <a:spcPts val="70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OP</a:t>
            </a:r>
            <a:r>
              <a:rPr sz="2200" spc="17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spc="254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imilar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o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xcept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at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t</a:t>
            </a:r>
            <a:r>
              <a:rPr sz="2200" spc="26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spc="254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designed</a:t>
            </a:r>
            <a:r>
              <a:rPr sz="2200" spc="26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o</a:t>
            </a:r>
            <a:r>
              <a:rPr sz="2200" spc="26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handle</a:t>
            </a:r>
            <a:r>
              <a:rPr sz="2200" spc="254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26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I/O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ts val="2510"/>
              </a:lnSpc>
            </a:pP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ommunication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3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can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ct</a:t>
            </a:r>
            <a:r>
              <a:rPr sz="2200" spc="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s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master</a:t>
            </a:r>
            <a:r>
              <a:rPr sz="2200" spc="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d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OP</a:t>
            </a:r>
            <a:r>
              <a:rPr sz="2200" spc="-7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ct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lav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1A1A1A"/>
                </a:solidFill>
                <a:latin typeface="Times New Roman"/>
                <a:cs typeface="Times New Roman"/>
              </a:rPr>
              <a:t>processo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510"/>
              </a:lnSpc>
              <a:spcBef>
                <a:spcPts val="73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31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spc="3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ssigns</a:t>
            </a:r>
            <a:r>
              <a:rPr sz="2200" spc="3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3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ask</a:t>
            </a:r>
            <a:r>
              <a:rPr sz="2200" spc="30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of</a:t>
            </a:r>
            <a:r>
              <a:rPr sz="2200" spc="3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itiating</a:t>
            </a:r>
            <a:r>
              <a:rPr sz="2200" spc="3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operations</a:t>
            </a:r>
            <a:r>
              <a:rPr sz="2200" spc="3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but</a:t>
            </a:r>
            <a:r>
              <a:rPr sz="2200" spc="32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t</a:t>
            </a:r>
            <a:r>
              <a:rPr sz="2200" spc="3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s</a:t>
            </a:r>
            <a:r>
              <a:rPr sz="2200" spc="30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spc="3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70" dirty="0">
                <a:solidFill>
                  <a:srgbClr val="1A1A1A"/>
                </a:solidFill>
                <a:latin typeface="Times New Roman"/>
                <a:cs typeface="Times New Roman"/>
              </a:rPr>
              <a:t>IOP,</a:t>
            </a:r>
            <a:r>
              <a:rPr sz="2200" spc="32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who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ts val="2510"/>
              </a:lnSpc>
            </a:pP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execute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4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structions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provid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operations</a:t>
            </a:r>
            <a:r>
              <a:rPr sz="2200" spc="1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start</a:t>
            </a:r>
            <a:r>
              <a:rPr sz="2200" spc="1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n</a:t>
            </a:r>
            <a:r>
              <a:rPr sz="2200" spc="1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/O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1A1A1A"/>
                </a:solidFill>
                <a:latin typeface="Times New Roman"/>
                <a:cs typeface="Times New Roman"/>
              </a:rPr>
              <a:t>transf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3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OP</a:t>
            </a:r>
            <a:r>
              <a:rPr sz="2200" spc="-6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asks</a:t>
            </a:r>
            <a:r>
              <a:rPr sz="220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for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CPU</a:t>
            </a:r>
            <a:r>
              <a:rPr sz="2200" spc="5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through</a:t>
            </a:r>
            <a:r>
              <a:rPr sz="2200" spc="10" dirty="0">
                <a:solidFill>
                  <a:srgbClr val="1A1A1A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1A1A1A"/>
                </a:solidFill>
                <a:latin typeface="Times New Roman"/>
                <a:cs typeface="Times New Roman"/>
              </a:rPr>
              <a:t>interrupt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3298316" y="1029715"/>
            <a:ext cx="447484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5" dirty="0">
                <a:solidFill>
                  <a:srgbClr val="F4E7EC"/>
                </a:solidFill>
                <a:latin typeface="Verdana"/>
                <a:cs typeface="Verdana"/>
              </a:rPr>
              <a:t>Lecture</a:t>
            </a:r>
            <a:r>
              <a:rPr sz="3600" spc="-270" dirty="0">
                <a:solidFill>
                  <a:srgbClr val="F4E7EC"/>
                </a:solidFill>
                <a:latin typeface="Verdana"/>
                <a:cs typeface="Verdana"/>
              </a:rPr>
              <a:t> </a:t>
            </a:r>
            <a:r>
              <a:rPr sz="3600" spc="15" dirty="0">
                <a:solidFill>
                  <a:srgbClr val="F4E7EC"/>
                </a:solidFill>
                <a:latin typeface="Verdana"/>
                <a:cs typeface="Verdana"/>
              </a:rPr>
              <a:t>of</a:t>
            </a:r>
            <a:r>
              <a:rPr sz="3600" spc="-280" dirty="0">
                <a:solidFill>
                  <a:srgbClr val="F4E7EC"/>
                </a:solidFill>
                <a:latin typeface="Verdana"/>
                <a:cs typeface="Verdana"/>
              </a:rPr>
              <a:t> </a:t>
            </a:r>
            <a:r>
              <a:rPr sz="3600" spc="280" dirty="0">
                <a:solidFill>
                  <a:srgbClr val="F4E7EC"/>
                </a:solidFill>
                <a:latin typeface="Verdana"/>
                <a:cs typeface="Verdana"/>
              </a:rPr>
              <a:t>M</a:t>
            </a:r>
            <a:r>
              <a:rPr sz="3600" spc="45" dirty="0">
                <a:solidFill>
                  <a:srgbClr val="F4E7EC"/>
                </a:solidFill>
                <a:latin typeface="Verdana"/>
                <a:cs typeface="Verdana"/>
              </a:rPr>
              <a:t>odule</a:t>
            </a:r>
            <a:r>
              <a:rPr sz="3600" spc="-270" dirty="0">
                <a:solidFill>
                  <a:srgbClr val="F4E7EC"/>
                </a:solidFill>
                <a:latin typeface="Verdana"/>
                <a:cs typeface="Verdana"/>
              </a:rPr>
              <a:t> </a:t>
            </a:r>
            <a:r>
              <a:rPr sz="3600" spc="-295" dirty="0">
                <a:solidFill>
                  <a:srgbClr val="F4E7EC"/>
                </a:solidFill>
                <a:latin typeface="Verdana"/>
                <a:cs typeface="Verdana"/>
              </a:rPr>
              <a:t>5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4544314" y="3681806"/>
            <a:ext cx="2907665" cy="45212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2800" b="1" spc="-5" dirty="0">
                <a:solidFill>
                  <a:srgbClr val="404040"/>
                </a:solidFill>
                <a:latin typeface="Times New Roman"/>
                <a:cs typeface="Times New Roman"/>
              </a:rPr>
              <a:t>Parallel</a:t>
            </a:r>
            <a:r>
              <a:rPr sz="2800" b="1" spc="-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b="1" spc="-10" dirty="0">
                <a:solidFill>
                  <a:srgbClr val="404040"/>
                </a:solidFill>
                <a:latin typeface="Times New Roman"/>
                <a:cs typeface="Times New Roman"/>
              </a:rPr>
              <a:t>Processing</a:t>
            </a:r>
            <a:endParaRPr sz="2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object 2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963167" y="906780"/>
            <a:ext cx="3283457" cy="1009650"/>
          </a:xfrm>
          <a:prstGeom prst="rect">
            <a:avLst/>
          </a:prstGeom>
        </p:spPr>
      </p:pic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331903" y="1013387"/>
            <a:ext cx="4856626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95" smtClean="0">
                <a:latin typeface="Verdana"/>
                <a:cs typeface="Verdana"/>
              </a:rPr>
              <a:t>Introduction</a:t>
            </a:r>
            <a:endParaRPr sz="3600">
              <a:latin typeface="Verdana"/>
              <a:cs typeface="Verdana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3845242" y="4203001"/>
            <a:ext cx="4110990" cy="1061085"/>
            <a:chOff x="3845242" y="4203001"/>
            <a:chExt cx="4110990" cy="1061085"/>
          </a:xfrm>
        </p:grpSpPr>
        <p:sp>
          <p:nvSpPr>
            <p:cNvPr id="5" name="object 5"/>
            <p:cNvSpPr/>
            <p:nvPr/>
          </p:nvSpPr>
          <p:spPr>
            <a:xfrm>
              <a:off x="3859529" y="4845558"/>
              <a:ext cx="4082415" cy="404495"/>
            </a:xfrm>
            <a:custGeom>
              <a:avLst/>
              <a:gdLst/>
              <a:ahLst/>
              <a:cxnLst/>
              <a:rect l="l" t="t" r="r" b="b"/>
              <a:pathLst>
                <a:path w="4082415" h="404495">
                  <a:moveTo>
                    <a:pt x="4082415" y="404241"/>
                  </a:moveTo>
                  <a:lnTo>
                    <a:pt x="4082415" y="289560"/>
                  </a:lnTo>
                  <a:lnTo>
                    <a:pt x="2040636" y="289560"/>
                  </a:lnTo>
                  <a:lnTo>
                    <a:pt x="2040636" y="0"/>
                  </a:lnTo>
                </a:path>
                <a:path w="4082415" h="404495">
                  <a:moveTo>
                    <a:pt x="0" y="404241"/>
                  </a:moveTo>
                  <a:lnTo>
                    <a:pt x="0" y="289560"/>
                  </a:lnTo>
                  <a:lnTo>
                    <a:pt x="2037842" y="289560"/>
                  </a:lnTo>
                  <a:lnTo>
                    <a:pt x="2037842" y="0"/>
                  </a:lnTo>
                </a:path>
              </a:pathLst>
            </a:custGeom>
            <a:ln w="285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" name="object 6"/>
            <p:cNvSpPr/>
            <p:nvPr/>
          </p:nvSpPr>
          <p:spPr>
            <a:xfrm>
              <a:off x="4206239" y="4207764"/>
              <a:ext cx="3385185" cy="637540"/>
            </a:xfrm>
            <a:custGeom>
              <a:avLst/>
              <a:gdLst/>
              <a:ahLst/>
              <a:cxnLst/>
              <a:rect l="l" t="t" r="r" b="b"/>
              <a:pathLst>
                <a:path w="3385184" h="637539">
                  <a:moveTo>
                    <a:pt x="3278632" y="0"/>
                  </a:moveTo>
                  <a:lnTo>
                    <a:pt x="106172" y="0"/>
                  </a:lnTo>
                  <a:lnTo>
                    <a:pt x="64829" y="8338"/>
                  </a:lnTo>
                  <a:lnTo>
                    <a:pt x="31083" y="31083"/>
                  </a:lnTo>
                  <a:lnTo>
                    <a:pt x="8338" y="64829"/>
                  </a:lnTo>
                  <a:lnTo>
                    <a:pt x="0" y="106172"/>
                  </a:lnTo>
                  <a:lnTo>
                    <a:pt x="0" y="530860"/>
                  </a:lnTo>
                  <a:lnTo>
                    <a:pt x="8338" y="572202"/>
                  </a:lnTo>
                  <a:lnTo>
                    <a:pt x="31083" y="605948"/>
                  </a:lnTo>
                  <a:lnTo>
                    <a:pt x="64829" y="628693"/>
                  </a:lnTo>
                  <a:lnTo>
                    <a:pt x="106172" y="637032"/>
                  </a:lnTo>
                  <a:lnTo>
                    <a:pt x="3278632" y="637032"/>
                  </a:lnTo>
                  <a:lnTo>
                    <a:pt x="3319974" y="628693"/>
                  </a:lnTo>
                  <a:lnTo>
                    <a:pt x="3353720" y="605948"/>
                  </a:lnTo>
                  <a:lnTo>
                    <a:pt x="3376465" y="572202"/>
                  </a:lnTo>
                  <a:lnTo>
                    <a:pt x="3384804" y="530860"/>
                  </a:lnTo>
                  <a:lnTo>
                    <a:pt x="3384804" y="106172"/>
                  </a:lnTo>
                  <a:lnTo>
                    <a:pt x="3376465" y="64829"/>
                  </a:lnTo>
                  <a:lnTo>
                    <a:pt x="3353720" y="31083"/>
                  </a:lnTo>
                  <a:lnTo>
                    <a:pt x="3319974" y="8338"/>
                  </a:lnTo>
                  <a:lnTo>
                    <a:pt x="3278632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4206239" y="4207764"/>
              <a:ext cx="3385185" cy="637540"/>
            </a:xfrm>
            <a:custGeom>
              <a:avLst/>
              <a:gdLst/>
              <a:ahLst/>
              <a:cxnLst/>
              <a:rect l="l" t="t" r="r" b="b"/>
              <a:pathLst>
                <a:path w="3385184" h="637539">
                  <a:moveTo>
                    <a:pt x="0" y="106172"/>
                  </a:moveTo>
                  <a:lnTo>
                    <a:pt x="8338" y="64829"/>
                  </a:lnTo>
                  <a:lnTo>
                    <a:pt x="31083" y="31083"/>
                  </a:lnTo>
                  <a:lnTo>
                    <a:pt x="64829" y="8338"/>
                  </a:lnTo>
                  <a:lnTo>
                    <a:pt x="106172" y="0"/>
                  </a:lnTo>
                  <a:lnTo>
                    <a:pt x="3278632" y="0"/>
                  </a:lnTo>
                  <a:lnTo>
                    <a:pt x="3319974" y="8338"/>
                  </a:lnTo>
                  <a:lnTo>
                    <a:pt x="3353720" y="31083"/>
                  </a:lnTo>
                  <a:lnTo>
                    <a:pt x="3376465" y="64829"/>
                  </a:lnTo>
                  <a:lnTo>
                    <a:pt x="3384804" y="106172"/>
                  </a:lnTo>
                  <a:lnTo>
                    <a:pt x="3384804" y="530860"/>
                  </a:lnTo>
                  <a:lnTo>
                    <a:pt x="3376465" y="572202"/>
                  </a:lnTo>
                  <a:lnTo>
                    <a:pt x="3353720" y="605948"/>
                  </a:lnTo>
                  <a:lnTo>
                    <a:pt x="3319974" y="628693"/>
                  </a:lnTo>
                  <a:lnTo>
                    <a:pt x="3278632" y="637032"/>
                  </a:lnTo>
                  <a:lnTo>
                    <a:pt x="106172" y="637032"/>
                  </a:lnTo>
                  <a:lnTo>
                    <a:pt x="64829" y="628693"/>
                  </a:lnTo>
                  <a:lnTo>
                    <a:pt x="31083" y="605948"/>
                  </a:lnTo>
                  <a:lnTo>
                    <a:pt x="8338" y="572202"/>
                  </a:lnTo>
                  <a:lnTo>
                    <a:pt x="0" y="530860"/>
                  </a:lnTo>
                  <a:lnTo>
                    <a:pt x="0" y="106172"/>
                  </a:lnTo>
                  <a:close/>
                </a:path>
              </a:pathLst>
            </a:custGeom>
            <a:ln w="952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8" name="object 8"/>
          <p:cNvSpPr txBox="1"/>
          <p:nvPr/>
        </p:nvSpPr>
        <p:spPr>
          <a:xfrm>
            <a:off x="1941322" y="2283967"/>
            <a:ext cx="8214359" cy="2408555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ation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perates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 data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rchitecture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lassified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ased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4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xecut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ow they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perat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240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</a:pPr>
            <a:endParaRPr sz="260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  <a:spcBef>
                <a:spcPts val="30"/>
              </a:spcBef>
            </a:pPr>
            <a:endParaRPr sz="2250">
              <a:latin typeface="Times New Roman"/>
              <a:cs typeface="Times New Roman"/>
            </a:endParaRPr>
          </a:p>
          <a:p>
            <a:pPr marR="290195" algn="ctr">
              <a:lnSpc>
                <a:spcPct val="100000"/>
              </a:lnSpc>
            </a:pPr>
            <a:r>
              <a:rPr sz="2100" spc="-5" dirty="0">
                <a:latin typeface="Arial MT"/>
                <a:cs typeface="Arial MT"/>
              </a:rPr>
              <a:t>Computer</a:t>
            </a:r>
            <a:endParaRPr sz="2100">
              <a:latin typeface="Arial MT"/>
              <a:cs typeface="Arial MT"/>
            </a:endParaRPr>
          </a:p>
        </p:txBody>
      </p:sp>
      <p:grpSp>
        <p:nvGrpSpPr>
          <p:cNvPr id="9" name="object 9"/>
          <p:cNvGrpSpPr/>
          <p:nvPr/>
        </p:nvGrpSpPr>
        <p:grpSpPr>
          <a:xfrm>
            <a:off x="2124265" y="5243893"/>
            <a:ext cx="3474085" cy="645160"/>
            <a:chOff x="2124265" y="5243893"/>
            <a:chExt cx="3474085" cy="645160"/>
          </a:xfrm>
        </p:grpSpPr>
        <p:sp>
          <p:nvSpPr>
            <p:cNvPr id="10" name="object 10"/>
            <p:cNvSpPr/>
            <p:nvPr/>
          </p:nvSpPr>
          <p:spPr>
            <a:xfrm>
              <a:off x="2129027" y="5248655"/>
              <a:ext cx="3464560" cy="635635"/>
            </a:xfrm>
            <a:custGeom>
              <a:avLst/>
              <a:gdLst/>
              <a:ahLst/>
              <a:cxnLst/>
              <a:rect l="l" t="t" r="r" b="b"/>
              <a:pathLst>
                <a:path w="3464560" h="635635">
                  <a:moveTo>
                    <a:pt x="3358134" y="0"/>
                  </a:moveTo>
                  <a:lnTo>
                    <a:pt x="105918" y="0"/>
                  </a:lnTo>
                  <a:lnTo>
                    <a:pt x="64668" y="8316"/>
                  </a:lnTo>
                  <a:lnTo>
                    <a:pt x="31003" y="31003"/>
                  </a:lnTo>
                  <a:lnTo>
                    <a:pt x="8316" y="64668"/>
                  </a:lnTo>
                  <a:lnTo>
                    <a:pt x="0" y="105918"/>
                  </a:lnTo>
                  <a:lnTo>
                    <a:pt x="0" y="529590"/>
                  </a:lnTo>
                  <a:lnTo>
                    <a:pt x="8316" y="570817"/>
                  </a:lnTo>
                  <a:lnTo>
                    <a:pt x="31003" y="604485"/>
                  </a:lnTo>
                  <a:lnTo>
                    <a:pt x="64668" y="627184"/>
                  </a:lnTo>
                  <a:lnTo>
                    <a:pt x="105918" y="635508"/>
                  </a:lnTo>
                  <a:lnTo>
                    <a:pt x="3358134" y="635508"/>
                  </a:lnTo>
                  <a:lnTo>
                    <a:pt x="3399383" y="627184"/>
                  </a:lnTo>
                  <a:lnTo>
                    <a:pt x="3433048" y="604485"/>
                  </a:lnTo>
                  <a:lnTo>
                    <a:pt x="3455735" y="570817"/>
                  </a:lnTo>
                  <a:lnTo>
                    <a:pt x="3464052" y="529590"/>
                  </a:lnTo>
                  <a:lnTo>
                    <a:pt x="3464052" y="105918"/>
                  </a:lnTo>
                  <a:lnTo>
                    <a:pt x="3455735" y="64668"/>
                  </a:lnTo>
                  <a:lnTo>
                    <a:pt x="3433048" y="31003"/>
                  </a:lnTo>
                  <a:lnTo>
                    <a:pt x="3399383" y="8316"/>
                  </a:lnTo>
                  <a:lnTo>
                    <a:pt x="3358134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2129027" y="5248655"/>
              <a:ext cx="3464560" cy="635635"/>
            </a:xfrm>
            <a:custGeom>
              <a:avLst/>
              <a:gdLst/>
              <a:ahLst/>
              <a:cxnLst/>
              <a:rect l="l" t="t" r="r" b="b"/>
              <a:pathLst>
                <a:path w="3464560" h="635635">
                  <a:moveTo>
                    <a:pt x="0" y="105918"/>
                  </a:moveTo>
                  <a:lnTo>
                    <a:pt x="8316" y="64668"/>
                  </a:lnTo>
                  <a:lnTo>
                    <a:pt x="31003" y="31003"/>
                  </a:lnTo>
                  <a:lnTo>
                    <a:pt x="64668" y="8316"/>
                  </a:lnTo>
                  <a:lnTo>
                    <a:pt x="105918" y="0"/>
                  </a:lnTo>
                  <a:lnTo>
                    <a:pt x="3358134" y="0"/>
                  </a:lnTo>
                  <a:lnTo>
                    <a:pt x="3399383" y="8316"/>
                  </a:lnTo>
                  <a:lnTo>
                    <a:pt x="3433048" y="31003"/>
                  </a:lnTo>
                  <a:lnTo>
                    <a:pt x="3455735" y="64668"/>
                  </a:lnTo>
                  <a:lnTo>
                    <a:pt x="3464052" y="105918"/>
                  </a:lnTo>
                  <a:lnTo>
                    <a:pt x="3464052" y="529590"/>
                  </a:lnTo>
                  <a:lnTo>
                    <a:pt x="3455735" y="570817"/>
                  </a:lnTo>
                  <a:lnTo>
                    <a:pt x="3433048" y="604485"/>
                  </a:lnTo>
                  <a:lnTo>
                    <a:pt x="3399383" y="627184"/>
                  </a:lnTo>
                  <a:lnTo>
                    <a:pt x="3358134" y="635508"/>
                  </a:lnTo>
                  <a:lnTo>
                    <a:pt x="105918" y="635508"/>
                  </a:lnTo>
                  <a:lnTo>
                    <a:pt x="64668" y="627184"/>
                  </a:lnTo>
                  <a:lnTo>
                    <a:pt x="31003" y="604485"/>
                  </a:lnTo>
                  <a:lnTo>
                    <a:pt x="8316" y="570817"/>
                  </a:lnTo>
                  <a:lnTo>
                    <a:pt x="0" y="529590"/>
                  </a:lnTo>
                  <a:lnTo>
                    <a:pt x="0" y="105918"/>
                  </a:lnTo>
                  <a:close/>
                </a:path>
              </a:pathLst>
            </a:custGeom>
            <a:ln w="9524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2" name="object 12"/>
          <p:cNvSpPr txBox="1"/>
          <p:nvPr/>
        </p:nvSpPr>
        <p:spPr>
          <a:xfrm>
            <a:off x="3166110" y="5387136"/>
            <a:ext cx="1390650" cy="3454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100" dirty="0">
                <a:latin typeface="Arial MT"/>
                <a:cs typeface="Arial MT"/>
              </a:rPr>
              <a:t>Instruc</a:t>
            </a:r>
            <a:r>
              <a:rPr sz="2100" spc="5" dirty="0">
                <a:latin typeface="Arial MT"/>
                <a:cs typeface="Arial MT"/>
              </a:rPr>
              <a:t>t</a:t>
            </a:r>
            <a:r>
              <a:rPr sz="2100" spc="-5" dirty="0">
                <a:latin typeface="Arial MT"/>
                <a:cs typeface="Arial MT"/>
              </a:rPr>
              <a:t>ions</a:t>
            </a:r>
            <a:endParaRPr sz="2100">
              <a:latin typeface="Arial MT"/>
              <a:cs typeface="Arial MT"/>
            </a:endParaRPr>
          </a:p>
        </p:txBody>
      </p:sp>
      <p:grpSp>
        <p:nvGrpSpPr>
          <p:cNvPr id="13" name="object 13"/>
          <p:cNvGrpSpPr/>
          <p:nvPr/>
        </p:nvGrpSpPr>
        <p:grpSpPr>
          <a:xfrm>
            <a:off x="6204013" y="5243893"/>
            <a:ext cx="3474085" cy="645160"/>
            <a:chOff x="6204013" y="5243893"/>
            <a:chExt cx="3474085" cy="645160"/>
          </a:xfrm>
        </p:grpSpPr>
        <p:sp>
          <p:nvSpPr>
            <p:cNvPr id="14" name="object 14"/>
            <p:cNvSpPr/>
            <p:nvPr/>
          </p:nvSpPr>
          <p:spPr>
            <a:xfrm>
              <a:off x="6208776" y="5248655"/>
              <a:ext cx="3464560" cy="635635"/>
            </a:xfrm>
            <a:custGeom>
              <a:avLst/>
              <a:gdLst/>
              <a:ahLst/>
              <a:cxnLst/>
              <a:rect l="l" t="t" r="r" b="b"/>
              <a:pathLst>
                <a:path w="3464559" h="635635">
                  <a:moveTo>
                    <a:pt x="3358133" y="0"/>
                  </a:moveTo>
                  <a:lnTo>
                    <a:pt x="105918" y="0"/>
                  </a:lnTo>
                  <a:lnTo>
                    <a:pt x="64668" y="8316"/>
                  </a:lnTo>
                  <a:lnTo>
                    <a:pt x="31003" y="31003"/>
                  </a:lnTo>
                  <a:lnTo>
                    <a:pt x="8316" y="64668"/>
                  </a:lnTo>
                  <a:lnTo>
                    <a:pt x="0" y="105918"/>
                  </a:lnTo>
                  <a:lnTo>
                    <a:pt x="0" y="529590"/>
                  </a:lnTo>
                  <a:lnTo>
                    <a:pt x="8316" y="570817"/>
                  </a:lnTo>
                  <a:lnTo>
                    <a:pt x="31003" y="604485"/>
                  </a:lnTo>
                  <a:lnTo>
                    <a:pt x="64668" y="627184"/>
                  </a:lnTo>
                  <a:lnTo>
                    <a:pt x="105918" y="635508"/>
                  </a:lnTo>
                  <a:lnTo>
                    <a:pt x="3358133" y="635508"/>
                  </a:lnTo>
                  <a:lnTo>
                    <a:pt x="3399383" y="627184"/>
                  </a:lnTo>
                  <a:lnTo>
                    <a:pt x="3433048" y="604485"/>
                  </a:lnTo>
                  <a:lnTo>
                    <a:pt x="3455735" y="570817"/>
                  </a:lnTo>
                  <a:lnTo>
                    <a:pt x="3464052" y="529590"/>
                  </a:lnTo>
                  <a:lnTo>
                    <a:pt x="3464052" y="105918"/>
                  </a:lnTo>
                  <a:lnTo>
                    <a:pt x="3455735" y="64668"/>
                  </a:lnTo>
                  <a:lnTo>
                    <a:pt x="3433048" y="31003"/>
                  </a:lnTo>
                  <a:lnTo>
                    <a:pt x="3399383" y="8316"/>
                  </a:lnTo>
                  <a:lnTo>
                    <a:pt x="3358133" y="0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5" name="object 15"/>
            <p:cNvSpPr/>
            <p:nvPr/>
          </p:nvSpPr>
          <p:spPr>
            <a:xfrm>
              <a:off x="6208776" y="5248655"/>
              <a:ext cx="3464560" cy="635635"/>
            </a:xfrm>
            <a:custGeom>
              <a:avLst/>
              <a:gdLst/>
              <a:ahLst/>
              <a:cxnLst/>
              <a:rect l="l" t="t" r="r" b="b"/>
              <a:pathLst>
                <a:path w="3464559" h="635635">
                  <a:moveTo>
                    <a:pt x="0" y="105918"/>
                  </a:moveTo>
                  <a:lnTo>
                    <a:pt x="8316" y="64668"/>
                  </a:lnTo>
                  <a:lnTo>
                    <a:pt x="31003" y="31003"/>
                  </a:lnTo>
                  <a:lnTo>
                    <a:pt x="64668" y="8316"/>
                  </a:lnTo>
                  <a:lnTo>
                    <a:pt x="105918" y="0"/>
                  </a:lnTo>
                  <a:lnTo>
                    <a:pt x="3358133" y="0"/>
                  </a:lnTo>
                  <a:lnTo>
                    <a:pt x="3399383" y="8316"/>
                  </a:lnTo>
                  <a:lnTo>
                    <a:pt x="3433048" y="31003"/>
                  </a:lnTo>
                  <a:lnTo>
                    <a:pt x="3455735" y="64668"/>
                  </a:lnTo>
                  <a:lnTo>
                    <a:pt x="3464052" y="105918"/>
                  </a:lnTo>
                  <a:lnTo>
                    <a:pt x="3464052" y="529590"/>
                  </a:lnTo>
                  <a:lnTo>
                    <a:pt x="3455735" y="570817"/>
                  </a:lnTo>
                  <a:lnTo>
                    <a:pt x="3433048" y="604485"/>
                  </a:lnTo>
                  <a:lnTo>
                    <a:pt x="3399383" y="627184"/>
                  </a:lnTo>
                  <a:lnTo>
                    <a:pt x="3358133" y="635508"/>
                  </a:lnTo>
                  <a:lnTo>
                    <a:pt x="105918" y="635508"/>
                  </a:lnTo>
                  <a:lnTo>
                    <a:pt x="64668" y="627184"/>
                  </a:lnTo>
                  <a:lnTo>
                    <a:pt x="31003" y="604485"/>
                  </a:lnTo>
                  <a:lnTo>
                    <a:pt x="8316" y="570817"/>
                  </a:lnTo>
                  <a:lnTo>
                    <a:pt x="0" y="529590"/>
                  </a:lnTo>
                  <a:lnTo>
                    <a:pt x="0" y="105918"/>
                  </a:lnTo>
                  <a:close/>
                </a:path>
              </a:pathLst>
            </a:custGeom>
            <a:ln w="9524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6" name="object 16"/>
          <p:cNvSpPr txBox="1"/>
          <p:nvPr/>
        </p:nvSpPr>
        <p:spPr>
          <a:xfrm>
            <a:off x="7646923" y="5387136"/>
            <a:ext cx="588010" cy="3454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100" spc="-5" dirty="0">
                <a:latin typeface="Arial MT"/>
                <a:cs typeface="Arial MT"/>
              </a:rPr>
              <a:t>D</a:t>
            </a:r>
            <a:r>
              <a:rPr sz="2100" spc="-15" dirty="0">
                <a:latin typeface="Arial MT"/>
                <a:cs typeface="Arial MT"/>
              </a:rPr>
              <a:t>a</a:t>
            </a:r>
            <a:r>
              <a:rPr sz="2100" dirty="0">
                <a:latin typeface="Arial MT"/>
                <a:cs typeface="Arial MT"/>
              </a:rPr>
              <a:t>ta</a:t>
            </a:r>
            <a:endParaRPr sz="2100">
              <a:latin typeface="Arial MT"/>
              <a:cs typeface="Arial MT"/>
            </a:endParaRPr>
          </a:p>
        </p:txBody>
      </p:sp>
    </p:spTree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94286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55" dirty="0">
                <a:latin typeface="Verdana"/>
                <a:cs typeface="Verdana"/>
              </a:rPr>
              <a:t>An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305" dirty="0">
                <a:latin typeface="Verdana"/>
                <a:cs typeface="Verdana"/>
              </a:rPr>
              <a:t>O</a:t>
            </a:r>
            <a:r>
              <a:rPr sz="3600" spc="-80" dirty="0">
                <a:latin typeface="Verdana"/>
                <a:cs typeface="Verdana"/>
              </a:rPr>
              <a:t>vervie</a:t>
            </a:r>
            <a:r>
              <a:rPr sz="3600" spc="-120" dirty="0">
                <a:latin typeface="Verdana"/>
                <a:cs typeface="Verdana"/>
              </a:rPr>
              <a:t>w</a:t>
            </a:r>
            <a:r>
              <a:rPr sz="3600" spc="-280" dirty="0">
                <a:latin typeface="Verdana"/>
                <a:cs typeface="Verdana"/>
              </a:rPr>
              <a:t> </a:t>
            </a:r>
            <a:r>
              <a:rPr sz="3600" spc="15" dirty="0">
                <a:latin typeface="Verdana"/>
                <a:cs typeface="Verdana"/>
              </a:rPr>
              <a:t>of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65" dirty="0">
                <a:latin typeface="Verdana"/>
                <a:cs typeface="Verdana"/>
              </a:rPr>
              <a:t>Parallel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95" dirty="0">
                <a:latin typeface="Verdana"/>
                <a:cs typeface="Verdana"/>
              </a:rPr>
              <a:t>Proces</a:t>
            </a:r>
            <a:r>
              <a:rPr sz="3600" spc="-105" dirty="0">
                <a:latin typeface="Verdana"/>
                <a:cs typeface="Verdana"/>
              </a:rPr>
              <a:t>s</a:t>
            </a:r>
            <a:r>
              <a:rPr sz="3600" spc="-65" dirty="0">
                <a:latin typeface="Verdana"/>
                <a:cs typeface="Verdana"/>
              </a:rPr>
              <a:t>ing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756664" y="2454194"/>
            <a:ext cx="8194675" cy="3623945"/>
          </a:xfrm>
          <a:prstGeom prst="rect">
            <a:avLst/>
          </a:prstGeom>
        </p:spPr>
        <p:txBody>
          <a:bodyPr vert="horz" wrap="square" lIns="0" tIns="102870" rIns="0" bIns="0" rtlCol="0">
            <a:spAutoFit/>
          </a:bodyPr>
          <a:lstStyle/>
          <a:p>
            <a:pPr marL="12700" algn="just">
              <a:lnSpc>
                <a:spcPct val="100000"/>
              </a:lnSpc>
              <a:spcBef>
                <a:spcPts val="8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4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hat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rallel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cessing?</a:t>
            </a:r>
            <a:endParaRPr sz="2400">
              <a:latin typeface="Times New Roman"/>
              <a:cs typeface="Times New Roman"/>
            </a:endParaRPr>
          </a:p>
          <a:p>
            <a:pPr marL="756285" marR="5080" indent="-287020" algn="just">
              <a:lnSpc>
                <a:spcPts val="2590"/>
              </a:lnSpc>
              <a:spcBef>
                <a:spcPts val="1040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756920" algn="l"/>
              </a:tabLst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rallel processing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 a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thod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mprove computer system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anc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by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ng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wo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or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simultaneously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68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goals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rallel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cessing.</a:t>
            </a:r>
            <a:endParaRPr sz="2400">
              <a:latin typeface="Times New Roman"/>
              <a:cs typeface="Times New Roman"/>
            </a:endParaRPr>
          </a:p>
          <a:p>
            <a:pPr marL="756285" marR="6350" indent="-287020" algn="just">
              <a:lnSpc>
                <a:spcPts val="2590"/>
              </a:lnSpc>
              <a:spcBef>
                <a:spcPts val="1040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756920" algn="l"/>
              </a:tabLst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n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goal is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o reduce the “wall-clock” tim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amoun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al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you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eed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ait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problem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olved.</a:t>
            </a:r>
            <a:endParaRPr sz="2400">
              <a:latin typeface="Times New Roman"/>
              <a:cs typeface="Times New Roman"/>
            </a:endParaRPr>
          </a:p>
          <a:p>
            <a:pPr marL="756285" marR="5080" indent="-287020" algn="just">
              <a:lnSpc>
                <a:spcPts val="2590"/>
              </a:lnSpc>
              <a:spcBef>
                <a:spcPts val="1000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75692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othe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goal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 to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lv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igge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oblems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igh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not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fit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limited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073354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65" dirty="0">
                <a:latin typeface="Verdana"/>
                <a:cs typeface="Verdana"/>
              </a:rPr>
              <a:t>Flynn’s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55" dirty="0">
                <a:latin typeface="Verdana"/>
                <a:cs typeface="Verdana"/>
              </a:rPr>
              <a:t>Classificati</a:t>
            </a:r>
            <a:r>
              <a:rPr sz="3600" spc="-90" dirty="0">
                <a:latin typeface="Verdana"/>
                <a:cs typeface="Verdana"/>
              </a:rPr>
              <a:t>o</a:t>
            </a:r>
            <a:r>
              <a:rPr sz="3600" spc="-85" dirty="0">
                <a:latin typeface="Verdana"/>
                <a:cs typeface="Verdana"/>
              </a:rPr>
              <a:t>n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037969" y="2275713"/>
            <a:ext cx="8117840" cy="4365625"/>
          </a:xfrm>
          <a:prstGeom prst="rect">
            <a:avLst/>
          </a:prstGeom>
        </p:spPr>
        <p:txBody>
          <a:bodyPr vert="horz" wrap="square" lIns="0" tIns="47625" rIns="0" bIns="0" rtlCol="0">
            <a:spAutoFit/>
          </a:bodyPr>
          <a:lstStyle/>
          <a:p>
            <a:pPr marL="355600" marR="6985" indent="-342900">
              <a:lnSpc>
                <a:spcPts val="2160"/>
              </a:lnSpc>
              <a:spcBef>
                <a:spcPts val="37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,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gital</a:t>
            </a:r>
            <a:r>
              <a:rPr sz="20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lassified</a:t>
            </a:r>
            <a:r>
              <a:rPr sz="20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our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tegories</a:t>
            </a:r>
            <a:r>
              <a:rPr sz="20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ccording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icity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eam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2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classification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as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pos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ichael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J. Flyn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1966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mos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only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ccepte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axonomy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rganization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ts val="2160"/>
              </a:lnSpc>
              <a:spcBef>
                <a:spcPts val="1025"/>
              </a:spcBef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 classification,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s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4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lassified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hether it processes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t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simultaneously,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whethe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e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ets.</a:t>
            </a:r>
            <a:endParaRPr sz="20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725"/>
              </a:spcBef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600" spc="45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Flynn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posed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following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ategories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computer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systems.</a:t>
            </a:r>
            <a:endParaRPr sz="2000">
              <a:latin typeface="Times New Roman"/>
              <a:cs typeface="Times New Roman"/>
            </a:endParaRPr>
          </a:p>
          <a:p>
            <a:pPr marL="911860" indent="-342900">
              <a:lnSpc>
                <a:spcPct val="100000"/>
              </a:lnSpc>
              <a:spcBef>
                <a:spcPts val="770"/>
              </a:spcBef>
              <a:buClr>
                <a:srgbClr val="B83C68"/>
              </a:buClr>
              <a:buSzPct val="80000"/>
              <a:buFont typeface="Wingdings"/>
              <a:buChar char=""/>
              <a:tabLst>
                <a:tab pos="911225" algn="l"/>
                <a:tab pos="911860" algn="l"/>
              </a:tabLst>
            </a:pP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gl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I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struction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gl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a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IS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)</a:t>
            </a:r>
            <a:endParaRPr sz="2000">
              <a:latin typeface="Times New Roman"/>
              <a:cs typeface="Times New Roman"/>
            </a:endParaRPr>
          </a:p>
          <a:p>
            <a:pPr marL="911860" indent="-342900">
              <a:lnSpc>
                <a:spcPct val="100000"/>
              </a:lnSpc>
              <a:spcBef>
                <a:spcPts val="755"/>
              </a:spcBef>
              <a:buClr>
                <a:srgbClr val="B83C68"/>
              </a:buClr>
              <a:buSzPct val="80000"/>
              <a:buFont typeface="Wingdings"/>
              <a:buChar char=""/>
              <a:tabLst>
                <a:tab pos="911225" algn="l"/>
                <a:tab pos="911860" algn="l"/>
              </a:tabLst>
            </a:pP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gl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I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struc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M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ltipl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a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IM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)</a:t>
            </a:r>
            <a:endParaRPr sz="2000">
              <a:latin typeface="Times New Roman"/>
              <a:cs typeface="Times New Roman"/>
            </a:endParaRPr>
          </a:p>
          <a:p>
            <a:pPr marL="911860" indent="-342900">
              <a:lnSpc>
                <a:spcPct val="100000"/>
              </a:lnSpc>
              <a:spcBef>
                <a:spcPts val="760"/>
              </a:spcBef>
              <a:buClr>
                <a:srgbClr val="B83C68"/>
              </a:buClr>
              <a:buSzPct val="80000"/>
              <a:buFont typeface="Wingdings"/>
              <a:buChar char=""/>
              <a:tabLst>
                <a:tab pos="911225" algn="l"/>
                <a:tab pos="911860" algn="l"/>
              </a:tabLst>
            </a:pP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M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ltipl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I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struction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gl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a (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MIS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)</a:t>
            </a:r>
            <a:endParaRPr sz="2000">
              <a:latin typeface="Times New Roman"/>
              <a:cs typeface="Times New Roman"/>
            </a:endParaRPr>
          </a:p>
          <a:p>
            <a:pPr marL="911860" indent="-342900">
              <a:lnSpc>
                <a:spcPct val="100000"/>
              </a:lnSpc>
              <a:spcBef>
                <a:spcPts val="765"/>
              </a:spcBef>
              <a:buClr>
                <a:srgbClr val="B83C68"/>
              </a:buClr>
              <a:buSzPct val="80000"/>
              <a:buFont typeface="Wingdings"/>
              <a:buChar char=""/>
              <a:tabLst>
                <a:tab pos="911225" algn="l"/>
                <a:tab pos="911860" algn="l"/>
              </a:tabLst>
            </a:pP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M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ltipl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I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struction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FF0000"/>
                </a:solidFill>
                <a:latin typeface="Times New Roman"/>
                <a:cs typeface="Times New Roman"/>
              </a:rPr>
              <a:t>M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ltipl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t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</a:t>
            </a:r>
            <a:r>
              <a:rPr sz="2000" dirty="0">
                <a:solidFill>
                  <a:srgbClr val="FF0000"/>
                </a:solidFill>
                <a:latin typeface="Times New Roman"/>
                <a:cs typeface="Times New Roman"/>
              </a:rPr>
              <a:t>MIM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)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object 2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5707379" y="2804160"/>
            <a:ext cx="4887468" cy="3267455"/>
          </a:xfrm>
          <a:prstGeom prst="rect">
            <a:avLst/>
          </a:prstGeom>
        </p:spPr>
      </p:pic>
      <p:sp>
        <p:nvSpPr>
          <p:cNvPr id="3" name="object 3"/>
          <p:cNvSpPr txBox="1"/>
          <p:nvPr/>
        </p:nvSpPr>
        <p:spPr>
          <a:xfrm>
            <a:off x="2187701" y="3295650"/>
            <a:ext cx="3014980" cy="497205"/>
          </a:xfrm>
          <a:prstGeom prst="rect">
            <a:avLst/>
          </a:prstGeom>
          <a:solidFill>
            <a:srgbClr val="DE6C36"/>
          </a:solidFill>
          <a:ln w="19050">
            <a:solidFill>
              <a:srgbClr val="A24D24"/>
            </a:solidFill>
          </a:ln>
        </p:spPr>
        <p:txBody>
          <a:bodyPr vert="horz" wrap="square" lIns="0" tIns="41275" rIns="0" bIns="0" rtlCol="0">
            <a:spAutoFit/>
          </a:bodyPr>
          <a:lstStyle/>
          <a:p>
            <a:pPr marL="90805">
              <a:lnSpc>
                <a:spcPct val="100000"/>
              </a:lnSpc>
              <a:spcBef>
                <a:spcPts val="325"/>
              </a:spcBef>
            </a:pPr>
            <a:r>
              <a:rPr sz="1800" dirty="0">
                <a:solidFill>
                  <a:srgbClr val="FFFFFF"/>
                </a:solidFill>
                <a:latin typeface="Verdana"/>
                <a:cs typeface="Verdana"/>
              </a:rPr>
              <a:t>Computer</a:t>
            </a:r>
            <a:r>
              <a:rPr sz="1800" spc="-140" dirty="0">
                <a:solidFill>
                  <a:srgbClr val="FFFFFF"/>
                </a:solidFill>
                <a:latin typeface="Verdana"/>
                <a:cs typeface="Verdana"/>
              </a:rPr>
              <a:t> </a:t>
            </a:r>
            <a:r>
              <a:rPr sz="1800" spc="-30" dirty="0">
                <a:solidFill>
                  <a:srgbClr val="FFFFFF"/>
                </a:solidFill>
                <a:latin typeface="Verdana"/>
                <a:cs typeface="Verdana"/>
              </a:rPr>
              <a:t>Architectures</a:t>
            </a:r>
            <a:endParaRPr sz="1800">
              <a:latin typeface="Verdana"/>
              <a:cs typeface="Verdana"/>
            </a:endParaRPr>
          </a:p>
        </p:txBody>
      </p:sp>
      <p:pic>
        <p:nvPicPr>
          <p:cNvPr id="4" name="object 4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1175003" y="4626864"/>
            <a:ext cx="640079" cy="370331"/>
          </a:xfrm>
          <a:prstGeom prst="rect">
            <a:avLst/>
          </a:prstGeom>
        </p:spPr>
      </p:pic>
      <p:sp>
        <p:nvSpPr>
          <p:cNvPr id="5" name="object 5"/>
          <p:cNvSpPr txBox="1"/>
          <p:nvPr/>
        </p:nvSpPr>
        <p:spPr>
          <a:xfrm>
            <a:off x="1175003" y="4626864"/>
            <a:ext cx="640080" cy="370840"/>
          </a:xfrm>
          <a:prstGeom prst="rect">
            <a:avLst/>
          </a:prstGeom>
          <a:ln w="9525">
            <a:solidFill>
              <a:srgbClr val="DE6C36"/>
            </a:solidFill>
          </a:ln>
        </p:spPr>
        <p:txBody>
          <a:bodyPr vert="horz" wrap="square" lIns="0" tIns="42544" rIns="0" bIns="0" rtlCol="0">
            <a:spAutoFit/>
          </a:bodyPr>
          <a:lstStyle/>
          <a:p>
            <a:pPr marL="91440">
              <a:lnSpc>
                <a:spcPct val="100000"/>
              </a:lnSpc>
              <a:spcBef>
                <a:spcPts val="334"/>
              </a:spcBef>
            </a:pPr>
            <a:r>
              <a:rPr sz="1800" spc="-265" dirty="0">
                <a:latin typeface="Verdana"/>
                <a:cs typeface="Verdana"/>
              </a:rPr>
              <a:t>SISD</a:t>
            </a:r>
            <a:endParaRPr sz="1800">
              <a:latin typeface="Verdana"/>
              <a:cs typeface="Verdana"/>
            </a:endParaRPr>
          </a:p>
        </p:txBody>
      </p:sp>
      <p:pic>
        <p:nvPicPr>
          <p:cNvPr id="6" name="object 6"/>
          <p:cNvPicPr/>
          <p:nvPr/>
        </p:nvPicPr>
        <p:blipFill>
          <a:blip r:embed="rId4" cstate="print"/>
          <a:stretch>
            <a:fillRect/>
          </a:stretch>
        </p:blipFill>
        <p:spPr>
          <a:xfrm>
            <a:off x="2467355" y="4626864"/>
            <a:ext cx="736092" cy="370331"/>
          </a:xfrm>
          <a:prstGeom prst="rect">
            <a:avLst/>
          </a:prstGeom>
        </p:spPr>
      </p:pic>
      <p:sp>
        <p:nvSpPr>
          <p:cNvPr id="7" name="object 7"/>
          <p:cNvSpPr txBox="1"/>
          <p:nvPr/>
        </p:nvSpPr>
        <p:spPr>
          <a:xfrm>
            <a:off x="2467355" y="4626864"/>
            <a:ext cx="736600" cy="370840"/>
          </a:xfrm>
          <a:prstGeom prst="rect">
            <a:avLst/>
          </a:prstGeom>
          <a:ln w="9525">
            <a:solidFill>
              <a:srgbClr val="DE6C36"/>
            </a:solidFill>
          </a:ln>
        </p:spPr>
        <p:txBody>
          <a:bodyPr vert="horz" wrap="square" lIns="0" tIns="42544" rIns="0" bIns="0" rtlCol="0">
            <a:spAutoFit/>
          </a:bodyPr>
          <a:lstStyle/>
          <a:p>
            <a:pPr marL="93345">
              <a:lnSpc>
                <a:spcPct val="100000"/>
              </a:lnSpc>
              <a:spcBef>
                <a:spcPts val="334"/>
              </a:spcBef>
            </a:pPr>
            <a:r>
              <a:rPr sz="1800" spc="-145" dirty="0">
                <a:latin typeface="Verdana"/>
                <a:cs typeface="Verdana"/>
              </a:rPr>
              <a:t>SIMD</a:t>
            </a:r>
            <a:endParaRPr sz="1800">
              <a:latin typeface="Verdana"/>
              <a:cs typeface="Verdana"/>
            </a:endParaRPr>
          </a:p>
        </p:txBody>
      </p:sp>
      <p:pic>
        <p:nvPicPr>
          <p:cNvPr id="8" name="object 8"/>
          <p:cNvPicPr/>
          <p:nvPr/>
        </p:nvPicPr>
        <p:blipFill>
          <a:blip r:embed="rId5" cstate="print"/>
          <a:stretch>
            <a:fillRect/>
          </a:stretch>
        </p:blipFill>
        <p:spPr>
          <a:xfrm>
            <a:off x="5106923" y="4626864"/>
            <a:ext cx="832103" cy="370331"/>
          </a:xfrm>
          <a:prstGeom prst="rect">
            <a:avLst/>
          </a:prstGeom>
        </p:spPr>
      </p:pic>
      <p:sp>
        <p:nvSpPr>
          <p:cNvPr id="9" name="object 9"/>
          <p:cNvSpPr txBox="1"/>
          <p:nvPr/>
        </p:nvSpPr>
        <p:spPr>
          <a:xfrm>
            <a:off x="5106923" y="4626864"/>
            <a:ext cx="832485" cy="370840"/>
          </a:xfrm>
          <a:prstGeom prst="rect">
            <a:avLst/>
          </a:prstGeom>
          <a:ln w="9525">
            <a:solidFill>
              <a:srgbClr val="DE6C36"/>
            </a:solidFill>
          </a:ln>
        </p:spPr>
        <p:txBody>
          <a:bodyPr vert="horz" wrap="square" lIns="0" tIns="42544" rIns="0" bIns="0" rtlCol="0">
            <a:spAutoFit/>
          </a:bodyPr>
          <a:lstStyle/>
          <a:p>
            <a:pPr marL="93345">
              <a:lnSpc>
                <a:spcPct val="100000"/>
              </a:lnSpc>
              <a:spcBef>
                <a:spcPts val="334"/>
              </a:spcBef>
            </a:pPr>
            <a:r>
              <a:rPr sz="1800" spc="-30" dirty="0">
                <a:latin typeface="Verdana"/>
                <a:cs typeface="Verdana"/>
              </a:rPr>
              <a:t>MIMD</a:t>
            </a:r>
            <a:endParaRPr sz="1800">
              <a:latin typeface="Verdana"/>
              <a:cs typeface="Verdana"/>
            </a:endParaRPr>
          </a:p>
        </p:txBody>
      </p:sp>
      <p:pic>
        <p:nvPicPr>
          <p:cNvPr id="10" name="object 10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3808476" y="4626864"/>
            <a:ext cx="736091" cy="370331"/>
          </a:xfrm>
          <a:prstGeom prst="rect">
            <a:avLst/>
          </a:prstGeom>
        </p:spPr>
      </p:pic>
      <p:sp>
        <p:nvSpPr>
          <p:cNvPr id="11" name="object 11"/>
          <p:cNvSpPr txBox="1"/>
          <p:nvPr/>
        </p:nvSpPr>
        <p:spPr>
          <a:xfrm>
            <a:off x="3808476" y="4626864"/>
            <a:ext cx="736600" cy="370840"/>
          </a:xfrm>
          <a:prstGeom prst="rect">
            <a:avLst/>
          </a:prstGeom>
          <a:ln w="9525">
            <a:solidFill>
              <a:srgbClr val="DE6C36"/>
            </a:solidFill>
          </a:ln>
        </p:spPr>
        <p:txBody>
          <a:bodyPr vert="horz" wrap="square" lIns="0" tIns="42544" rIns="0" bIns="0" rtlCol="0">
            <a:spAutoFit/>
          </a:bodyPr>
          <a:lstStyle/>
          <a:p>
            <a:pPr marL="92710">
              <a:lnSpc>
                <a:spcPct val="100000"/>
              </a:lnSpc>
              <a:spcBef>
                <a:spcPts val="334"/>
              </a:spcBef>
            </a:pPr>
            <a:r>
              <a:rPr sz="1800" spc="-145" dirty="0">
                <a:latin typeface="Verdana"/>
                <a:cs typeface="Verdana"/>
              </a:rPr>
              <a:t>MISD</a:t>
            </a:r>
            <a:endParaRPr sz="1800">
              <a:latin typeface="Verdana"/>
              <a:cs typeface="Verdana"/>
            </a:endParaRPr>
          </a:p>
        </p:txBody>
      </p:sp>
      <p:sp>
        <p:nvSpPr>
          <p:cNvPr id="12" name="object 12"/>
          <p:cNvSpPr/>
          <p:nvPr/>
        </p:nvSpPr>
        <p:spPr>
          <a:xfrm>
            <a:off x="1495805" y="3792473"/>
            <a:ext cx="4027804" cy="835660"/>
          </a:xfrm>
          <a:custGeom>
            <a:avLst/>
            <a:gdLst/>
            <a:ahLst/>
            <a:cxnLst/>
            <a:rect l="l" t="t" r="r" b="b"/>
            <a:pathLst>
              <a:path w="4027804" h="835660">
                <a:moveTo>
                  <a:pt x="0" y="835025"/>
                </a:moveTo>
                <a:lnTo>
                  <a:pt x="997076" y="15239"/>
                </a:lnTo>
              </a:path>
              <a:path w="4027804" h="835660">
                <a:moveTo>
                  <a:pt x="1341120" y="835025"/>
                </a:moveTo>
                <a:lnTo>
                  <a:pt x="1768474" y="15239"/>
                </a:lnTo>
              </a:path>
              <a:path w="4027804" h="835660">
                <a:moveTo>
                  <a:pt x="4027424" y="835406"/>
                </a:moveTo>
                <a:lnTo>
                  <a:pt x="3360420" y="0"/>
                </a:lnTo>
              </a:path>
              <a:path w="4027804" h="835660">
                <a:moveTo>
                  <a:pt x="2817495" y="835025"/>
                </a:moveTo>
                <a:lnTo>
                  <a:pt x="2470404" y="15239"/>
                </a:lnTo>
              </a:path>
            </a:pathLst>
          </a:custGeom>
          <a:ln w="25400">
            <a:solidFill>
              <a:srgbClr val="B83C68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165622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540" dirty="0">
                <a:latin typeface="Verdana"/>
                <a:cs typeface="Verdana"/>
              </a:rPr>
              <a:t>SIS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1845130"/>
            <a:ext cx="9444355" cy="2694327"/>
          </a:xfrm>
          <a:prstGeom prst="rect">
            <a:avLst/>
          </a:prstGeom>
        </p:spPr>
        <p:txBody>
          <a:bodyPr vert="horz" wrap="square" lIns="0" tIns="49530" rIns="0" bIns="0" rtlCol="0">
            <a:spAutoFit/>
          </a:bodyPr>
          <a:lstStyle/>
          <a:p>
            <a:pPr marL="355600" marR="5080" indent="-342900">
              <a:lnSpc>
                <a:spcPts val="2380"/>
              </a:lnSpc>
              <a:spcBef>
                <a:spcPts val="3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SD</a:t>
            </a:r>
            <a:r>
              <a:rPr sz="22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s</a:t>
            </a:r>
            <a:r>
              <a:rPr sz="2200" spc="2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es</a:t>
            </a:r>
            <a:r>
              <a:rPr sz="22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2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3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200" spc="2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dividual</a:t>
            </a:r>
            <a:r>
              <a:rPr sz="22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200" spc="2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values</a:t>
            </a:r>
            <a:r>
              <a:rPr sz="22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2200" spc="2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processo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dition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sequential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chitecture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>
              <a:lnSpc>
                <a:spcPts val="2380"/>
              </a:lnSpc>
              <a:spcBef>
                <a:spcPts val="104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ased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200" spc="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ditional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0" dirty="0">
                <a:solidFill>
                  <a:srgbClr val="404040"/>
                </a:solidFill>
                <a:latin typeface="Times New Roman"/>
                <a:cs typeface="Times New Roman"/>
              </a:rPr>
              <a:t>Von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eumann</a:t>
            </a:r>
            <a:r>
              <a:rPr sz="2200" spc="4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niprocessor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chitecture,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ed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quentially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r 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serially,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ep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fte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next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nti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st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recently,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st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s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S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type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3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rallelism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chieved by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Pipelining.</a:t>
            </a:r>
            <a:endParaRPr sz="2200">
              <a:latin typeface="Times New Roman"/>
              <a:cs typeface="Times New Roman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3070642" y="4605745"/>
            <a:ext cx="4904740" cy="1371600"/>
            <a:chOff x="3576828" y="5128259"/>
            <a:chExt cx="4904740" cy="1371600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576828" y="5128259"/>
              <a:ext cx="4904232" cy="847343"/>
            </a:xfrm>
            <a:prstGeom prst="rect">
              <a:avLst/>
            </a:prstGeom>
          </p:spPr>
        </p:pic>
        <p:pic>
          <p:nvPicPr>
            <p:cNvPr id="6" name="object 6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4212336" y="5975603"/>
              <a:ext cx="1322832" cy="219456"/>
            </a:xfrm>
            <a:prstGeom prst="rect">
              <a:avLst/>
            </a:prstGeom>
          </p:spPr>
        </p:pic>
        <p:pic>
          <p:nvPicPr>
            <p:cNvPr id="7" name="object 7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6001512" y="5975603"/>
              <a:ext cx="1629156" cy="131063"/>
            </a:xfrm>
            <a:prstGeom prst="rect">
              <a:avLst/>
            </a:prstGeom>
          </p:spPr>
        </p:pic>
        <p:pic>
          <p:nvPicPr>
            <p:cNvPr id="8" name="object 8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4116324" y="6195059"/>
              <a:ext cx="1514855" cy="304800"/>
            </a:xfrm>
            <a:prstGeom prst="rect">
              <a:avLst/>
            </a:prstGeom>
          </p:spPr>
        </p:pic>
        <p:pic>
          <p:nvPicPr>
            <p:cNvPr id="9" name="object 9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6266688" y="6195059"/>
              <a:ext cx="1075943" cy="294132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3158454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05" dirty="0">
                <a:latin typeface="Verdana"/>
                <a:cs typeface="Verdana"/>
              </a:rPr>
              <a:t>SIM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297379"/>
            <a:ext cx="9619615" cy="223710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  <a:tabLst>
                <a:tab pos="354965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IMD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es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spc="2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values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imultaneously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ny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ors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nce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0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,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oes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have</a:t>
            </a:r>
            <a:r>
              <a:rPr sz="20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etch</a:t>
            </a:r>
            <a:r>
              <a:rPr sz="20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ecode</a:t>
            </a:r>
            <a:r>
              <a:rPr sz="20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.</a:t>
            </a:r>
            <a:r>
              <a:rPr sz="2000" spc="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stead,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oe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etch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codi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or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M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chitectures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clud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ra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ors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ILLIAC-IV)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har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ai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odules.</a:t>
            </a:r>
            <a:endParaRPr sz="2000">
              <a:latin typeface="Times New Roman"/>
              <a:cs typeface="Times New Roman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3558540" y="4706111"/>
            <a:ext cx="3953510" cy="1914525"/>
            <a:chOff x="3558540" y="4706111"/>
            <a:chExt cx="3953510" cy="1914525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558540" y="4706111"/>
              <a:ext cx="3953256" cy="1562100"/>
            </a:xfrm>
            <a:prstGeom prst="rect">
              <a:avLst/>
            </a:prstGeom>
          </p:spPr>
        </p:pic>
        <p:pic>
          <p:nvPicPr>
            <p:cNvPr id="6" name="object 6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5426964" y="6268211"/>
              <a:ext cx="1562099" cy="352044"/>
            </a:xfrm>
            <a:prstGeom prst="rect">
              <a:avLst/>
            </a:prstGeom>
          </p:spPr>
        </p:pic>
        <p:pic>
          <p:nvPicPr>
            <p:cNvPr id="7" name="object 7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3892296" y="6444995"/>
              <a:ext cx="1123188" cy="161544"/>
            </a:xfrm>
            <a:prstGeom prst="rect">
              <a:avLst/>
            </a:prstGeom>
          </p:spPr>
        </p:pic>
        <p:pic>
          <p:nvPicPr>
            <p:cNvPr id="8" name="object 8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4091940" y="6254495"/>
              <a:ext cx="723900" cy="190500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24399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00" dirty="0">
                <a:latin typeface="Verdana"/>
                <a:cs typeface="Verdana"/>
              </a:rPr>
              <a:t>MIS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1828800"/>
            <a:ext cx="7745095" cy="1456809"/>
          </a:xfrm>
          <a:prstGeom prst="rect">
            <a:avLst/>
          </a:prstGeom>
        </p:spPr>
        <p:txBody>
          <a:bodyPr vert="horz" wrap="square" lIns="0" tIns="8128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64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s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same</a:t>
            </a:r>
            <a:r>
              <a:rPr sz="19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ata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4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sult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ing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put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ext processing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5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clear till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ow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whether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uch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machine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xist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not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54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19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eopl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regards</a:t>
            </a:r>
            <a:r>
              <a:rPr sz="19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chitecture,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olic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ray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machine</a:t>
            </a:r>
            <a:r>
              <a:rPr sz="19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MISD.</a:t>
            </a:r>
            <a:endParaRPr sz="1900">
              <a:latin typeface="Times New Roman"/>
              <a:cs typeface="Times New Roman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2986386" y="3427512"/>
            <a:ext cx="5468620" cy="3006725"/>
            <a:chOff x="3361944" y="3705097"/>
            <a:chExt cx="5468620" cy="3006725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361944" y="3944111"/>
              <a:ext cx="3162300" cy="557783"/>
            </a:xfrm>
            <a:prstGeom prst="rect">
              <a:avLst/>
            </a:prstGeom>
          </p:spPr>
        </p:pic>
        <p:pic>
          <p:nvPicPr>
            <p:cNvPr id="6" name="object 6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361944" y="4786883"/>
              <a:ext cx="3162300" cy="557783"/>
            </a:xfrm>
            <a:prstGeom prst="rect">
              <a:avLst/>
            </a:prstGeom>
          </p:spPr>
        </p:pic>
        <p:pic>
          <p:nvPicPr>
            <p:cNvPr id="7" name="object 7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361944" y="5631179"/>
              <a:ext cx="3162300" cy="557783"/>
            </a:xfrm>
            <a:prstGeom prst="rect">
              <a:avLst/>
            </a:prstGeom>
          </p:spPr>
        </p:pic>
        <p:pic>
          <p:nvPicPr>
            <p:cNvPr id="8" name="object 8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7229855" y="4707635"/>
              <a:ext cx="1600200" cy="716279"/>
            </a:xfrm>
            <a:prstGeom prst="rect">
              <a:avLst/>
            </a:prstGeom>
          </p:spPr>
        </p:pic>
        <p:pic>
          <p:nvPicPr>
            <p:cNvPr id="9" name="object 9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3962400" y="6199631"/>
              <a:ext cx="1495044" cy="175260"/>
            </a:xfrm>
            <a:prstGeom prst="rect">
              <a:avLst/>
            </a:prstGeom>
          </p:spPr>
        </p:pic>
        <p:pic>
          <p:nvPicPr>
            <p:cNvPr id="10" name="object 10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3907536" y="6385559"/>
              <a:ext cx="1591056" cy="326136"/>
            </a:xfrm>
            <a:prstGeom prst="rect">
              <a:avLst/>
            </a:prstGeom>
          </p:spPr>
        </p:pic>
        <p:sp>
          <p:nvSpPr>
            <p:cNvPr id="11" name="object 11"/>
            <p:cNvSpPr/>
            <p:nvPr/>
          </p:nvSpPr>
          <p:spPr>
            <a:xfrm>
              <a:off x="5656326" y="3712717"/>
              <a:ext cx="2487295" cy="2691765"/>
            </a:xfrm>
            <a:custGeom>
              <a:avLst/>
              <a:gdLst/>
              <a:ahLst/>
              <a:cxnLst/>
              <a:rect l="l" t="t" r="r" b="b"/>
              <a:pathLst>
                <a:path w="2487295" h="2691765">
                  <a:moveTo>
                    <a:pt x="76200" y="1066165"/>
                  </a:moveTo>
                  <a:lnTo>
                    <a:pt x="50800" y="1066165"/>
                  </a:lnTo>
                  <a:lnTo>
                    <a:pt x="50800" y="714375"/>
                  </a:lnTo>
                  <a:lnTo>
                    <a:pt x="45085" y="708660"/>
                  </a:lnTo>
                  <a:lnTo>
                    <a:pt x="31115" y="708660"/>
                  </a:lnTo>
                  <a:lnTo>
                    <a:pt x="25400" y="714375"/>
                  </a:lnTo>
                  <a:lnTo>
                    <a:pt x="25400" y="1066165"/>
                  </a:lnTo>
                  <a:lnTo>
                    <a:pt x="0" y="1066165"/>
                  </a:lnTo>
                  <a:lnTo>
                    <a:pt x="38100" y="1142365"/>
                  </a:lnTo>
                  <a:lnTo>
                    <a:pt x="63500" y="1091565"/>
                  </a:lnTo>
                  <a:lnTo>
                    <a:pt x="76200" y="1066165"/>
                  </a:lnTo>
                  <a:close/>
                </a:path>
                <a:path w="2487295" h="2691765">
                  <a:moveTo>
                    <a:pt x="85344" y="1910422"/>
                  </a:moveTo>
                  <a:lnTo>
                    <a:pt x="59944" y="1910422"/>
                  </a:lnTo>
                  <a:lnTo>
                    <a:pt x="59944" y="1558671"/>
                  </a:lnTo>
                  <a:lnTo>
                    <a:pt x="54229" y="1552956"/>
                  </a:lnTo>
                  <a:lnTo>
                    <a:pt x="40259" y="1552956"/>
                  </a:lnTo>
                  <a:lnTo>
                    <a:pt x="34544" y="1558671"/>
                  </a:lnTo>
                  <a:lnTo>
                    <a:pt x="34544" y="1910422"/>
                  </a:lnTo>
                  <a:lnTo>
                    <a:pt x="9144" y="1910422"/>
                  </a:lnTo>
                  <a:lnTo>
                    <a:pt x="47244" y="1986622"/>
                  </a:lnTo>
                  <a:lnTo>
                    <a:pt x="72644" y="1935822"/>
                  </a:lnTo>
                  <a:lnTo>
                    <a:pt x="85344" y="1910422"/>
                  </a:lnTo>
                  <a:close/>
                </a:path>
                <a:path w="2487295" h="2691765">
                  <a:moveTo>
                    <a:pt x="85344" y="219710"/>
                  </a:moveTo>
                  <a:lnTo>
                    <a:pt x="59944" y="219710"/>
                  </a:lnTo>
                  <a:lnTo>
                    <a:pt x="59944" y="5715"/>
                  </a:lnTo>
                  <a:lnTo>
                    <a:pt x="54229" y="0"/>
                  </a:lnTo>
                  <a:lnTo>
                    <a:pt x="40259" y="0"/>
                  </a:lnTo>
                  <a:lnTo>
                    <a:pt x="34544" y="5715"/>
                  </a:lnTo>
                  <a:lnTo>
                    <a:pt x="34544" y="219710"/>
                  </a:lnTo>
                  <a:lnTo>
                    <a:pt x="9144" y="219710"/>
                  </a:lnTo>
                  <a:lnTo>
                    <a:pt x="47244" y="295910"/>
                  </a:lnTo>
                  <a:lnTo>
                    <a:pt x="72644" y="245110"/>
                  </a:lnTo>
                  <a:lnTo>
                    <a:pt x="85344" y="219710"/>
                  </a:lnTo>
                  <a:close/>
                </a:path>
                <a:path w="2487295" h="2691765">
                  <a:moveTo>
                    <a:pt x="2487168" y="1897126"/>
                  </a:moveTo>
                  <a:lnTo>
                    <a:pt x="2445766" y="1632712"/>
                  </a:lnTo>
                  <a:lnTo>
                    <a:pt x="2404491" y="1897126"/>
                  </a:lnTo>
                  <a:lnTo>
                    <a:pt x="2435733" y="1897126"/>
                  </a:lnTo>
                  <a:lnTo>
                    <a:pt x="2435733" y="2670073"/>
                  </a:lnTo>
                  <a:lnTo>
                    <a:pt x="58013" y="2670073"/>
                  </a:lnTo>
                  <a:lnTo>
                    <a:pt x="72644" y="2640812"/>
                  </a:lnTo>
                  <a:lnTo>
                    <a:pt x="85344" y="2615412"/>
                  </a:lnTo>
                  <a:lnTo>
                    <a:pt x="59944" y="2615412"/>
                  </a:lnTo>
                  <a:lnTo>
                    <a:pt x="59944" y="2401417"/>
                  </a:lnTo>
                  <a:lnTo>
                    <a:pt x="54229" y="2395728"/>
                  </a:lnTo>
                  <a:lnTo>
                    <a:pt x="40259" y="2395728"/>
                  </a:lnTo>
                  <a:lnTo>
                    <a:pt x="34544" y="2401417"/>
                  </a:lnTo>
                  <a:lnTo>
                    <a:pt x="34544" y="2615412"/>
                  </a:lnTo>
                  <a:lnTo>
                    <a:pt x="9144" y="2615412"/>
                  </a:lnTo>
                  <a:lnTo>
                    <a:pt x="47244" y="2691612"/>
                  </a:lnTo>
                  <a:lnTo>
                    <a:pt x="47866" y="2690368"/>
                  </a:lnTo>
                  <a:lnTo>
                    <a:pt x="2455926" y="2690368"/>
                  </a:lnTo>
                  <a:lnTo>
                    <a:pt x="2455926" y="1897126"/>
                  </a:lnTo>
                  <a:lnTo>
                    <a:pt x="2487168" y="1897126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2" name="object 12"/>
            <p:cNvSpPr/>
            <p:nvPr/>
          </p:nvSpPr>
          <p:spPr>
            <a:xfrm>
              <a:off x="5703570" y="5345429"/>
              <a:ext cx="2440305" cy="1057910"/>
            </a:xfrm>
            <a:custGeom>
              <a:avLst/>
              <a:gdLst/>
              <a:ahLst/>
              <a:cxnLst/>
              <a:rect l="l" t="t" r="r" b="b"/>
              <a:pathLst>
                <a:path w="2440304" h="1057910">
                  <a:moveTo>
                    <a:pt x="0" y="1037361"/>
                  </a:moveTo>
                  <a:lnTo>
                    <a:pt x="2388488" y="1037361"/>
                  </a:lnTo>
                  <a:lnTo>
                    <a:pt x="2388488" y="264414"/>
                  </a:lnTo>
                  <a:lnTo>
                    <a:pt x="2357247" y="264414"/>
                  </a:lnTo>
                  <a:lnTo>
                    <a:pt x="2398522" y="0"/>
                  </a:lnTo>
                  <a:lnTo>
                    <a:pt x="2439924" y="264414"/>
                  </a:lnTo>
                  <a:lnTo>
                    <a:pt x="2408681" y="264414"/>
                  </a:lnTo>
                  <a:lnTo>
                    <a:pt x="2408681" y="1057656"/>
                  </a:lnTo>
                  <a:lnTo>
                    <a:pt x="0" y="1057656"/>
                  </a:lnTo>
                  <a:lnTo>
                    <a:pt x="0" y="1037361"/>
                  </a:lnTo>
                  <a:close/>
                </a:path>
              </a:pathLst>
            </a:custGeom>
            <a:ln w="3175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5703570" y="3717797"/>
              <a:ext cx="2327275" cy="991869"/>
            </a:xfrm>
            <a:custGeom>
              <a:avLst/>
              <a:gdLst/>
              <a:ahLst/>
              <a:cxnLst/>
              <a:rect l="l" t="t" r="r" b="b"/>
              <a:pathLst>
                <a:path w="2327275" h="991870">
                  <a:moveTo>
                    <a:pt x="0" y="0"/>
                  </a:moveTo>
                  <a:lnTo>
                    <a:pt x="2327148" y="0"/>
                  </a:lnTo>
                  <a:lnTo>
                    <a:pt x="2327148" y="991869"/>
                  </a:lnTo>
                </a:path>
              </a:pathLst>
            </a:custGeom>
            <a:ln w="25400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4" name="object 14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7060691" y="3837431"/>
              <a:ext cx="847344" cy="213360"/>
            </a:xfrm>
            <a:prstGeom prst="rect">
              <a:avLst/>
            </a:prstGeom>
          </p:spPr>
        </p:pic>
        <p:pic>
          <p:nvPicPr>
            <p:cNvPr id="15" name="object 15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7060691" y="6153911"/>
              <a:ext cx="847344" cy="214884"/>
            </a:xfrm>
            <a:prstGeom prst="rect">
              <a:avLst/>
            </a:prstGeom>
          </p:spPr>
        </p:pic>
      </p:grpSp>
    </p:spTree>
  </p:cSld>
  <p:clrMapOvr>
    <a:masterClrMapping/>
  </p:clrMapOvr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2701254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65" dirty="0">
                <a:latin typeface="Verdana"/>
                <a:cs typeface="Verdana"/>
              </a:rPr>
              <a:t>MIMD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493647" y="1812472"/>
            <a:ext cx="9023350" cy="3982500"/>
          </a:xfrm>
          <a:prstGeom prst="rect">
            <a:avLst/>
          </a:prstGeom>
        </p:spPr>
        <p:txBody>
          <a:bodyPr vert="horz" wrap="square" lIns="0" tIns="10858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dependent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PU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r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may</a:t>
            </a:r>
            <a:r>
              <a:rPr sz="20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ecut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 instruction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imultaneously,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ary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SIM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eam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operating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data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tream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ts val="2280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st</a:t>
            </a:r>
            <a:r>
              <a:rPr sz="20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clude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wn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20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ssign</a:t>
            </a:r>
            <a:r>
              <a:rPr sz="2000" spc="2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2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or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ts val="2280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art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ask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parate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ask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ok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ke multipl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S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(MSISD)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IMD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ually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ferr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rocesso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Multicomput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55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v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har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chitectur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istributed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chitectur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ightly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uple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osely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upl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a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le: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spc="-17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2000" spc="-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X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-M</a:t>
            </a:r>
            <a:r>
              <a:rPr sz="2000" spc="-225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,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BM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P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/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2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,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spc="-17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Y</a:t>
            </a:r>
            <a:r>
              <a:rPr sz="2000" spc="-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3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042517" y="991362"/>
            <a:ext cx="1631950" cy="51371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3200" dirty="0">
                <a:solidFill>
                  <a:srgbClr val="FFFFFF"/>
                </a:solidFill>
              </a:rPr>
              <a:t>Ov</a:t>
            </a:r>
            <a:r>
              <a:rPr sz="3200" spc="5" dirty="0">
                <a:solidFill>
                  <a:srgbClr val="FFFFFF"/>
                </a:solidFill>
              </a:rPr>
              <a:t>e</a:t>
            </a:r>
            <a:r>
              <a:rPr sz="3200" dirty="0">
                <a:solidFill>
                  <a:srgbClr val="FFFFFF"/>
                </a:solidFill>
              </a:rPr>
              <a:t>rvi</a:t>
            </a:r>
            <a:r>
              <a:rPr sz="3200" spc="5" dirty="0">
                <a:solidFill>
                  <a:srgbClr val="FFFFFF"/>
                </a:solidFill>
              </a:rPr>
              <a:t>e</a:t>
            </a:r>
            <a:r>
              <a:rPr sz="3200" dirty="0">
                <a:solidFill>
                  <a:srgbClr val="FFFFFF"/>
                </a:solidFill>
              </a:rPr>
              <a:t>w</a:t>
            </a:r>
            <a:endParaRPr sz="3200"/>
          </a:p>
        </p:txBody>
      </p:sp>
      <p:sp>
        <p:nvSpPr>
          <p:cNvPr id="3" name="object 3"/>
          <p:cNvSpPr txBox="1"/>
          <p:nvPr/>
        </p:nvSpPr>
        <p:spPr>
          <a:xfrm>
            <a:off x="1747158" y="538843"/>
            <a:ext cx="8262256" cy="6224140"/>
          </a:xfrm>
          <a:prstGeom prst="rect">
            <a:avLst/>
          </a:prstGeom>
        </p:spPr>
        <p:txBody>
          <a:bodyPr vert="horz" wrap="square" lIns="0" tIns="11620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15"/>
              </a:spcBef>
              <a:tabLst>
                <a:tab pos="354965" algn="l"/>
              </a:tabLst>
            </a:pPr>
            <a:r>
              <a:rPr sz="12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5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P</a:t>
            </a: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eripheral</a:t>
            </a:r>
            <a:r>
              <a:rPr sz="1100" b="1" spc="-3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Devices</a:t>
            </a:r>
            <a:endParaRPr sz="11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r>
              <a:rPr sz="11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Accessing</a:t>
            </a:r>
            <a:r>
              <a:rPr sz="1100" b="1" spc="-2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I/O</a:t>
            </a:r>
            <a:r>
              <a:rPr sz="1100" b="1" spc="-2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Devices</a:t>
            </a:r>
            <a:endParaRPr sz="11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r>
              <a:rPr sz="1100" spc="-114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I</a:t>
            </a:r>
            <a:r>
              <a:rPr sz="1100" b="1" spc="5" dirty="0">
                <a:solidFill>
                  <a:srgbClr val="FF0000"/>
                </a:solidFill>
                <a:latin typeface="Times New Roman"/>
                <a:cs typeface="Times New Roman"/>
              </a:rPr>
              <a:t>npu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t/Out</a:t>
            </a:r>
            <a:r>
              <a:rPr sz="1100" b="1" spc="5" dirty="0">
                <a:solidFill>
                  <a:srgbClr val="FF0000"/>
                </a:solidFill>
                <a:latin typeface="Times New Roman"/>
                <a:cs typeface="Times New Roman"/>
              </a:rPr>
              <a:t>pu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t</a:t>
            </a:r>
            <a:r>
              <a:rPr sz="1100" b="1" spc="-4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I</a:t>
            </a:r>
            <a:r>
              <a:rPr sz="1100" b="1" spc="5" dirty="0">
                <a:solidFill>
                  <a:srgbClr val="FF0000"/>
                </a:solidFill>
                <a:latin typeface="Times New Roman"/>
                <a:cs typeface="Times New Roman"/>
              </a:rPr>
              <a:t>n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te</a:t>
            </a:r>
            <a:r>
              <a:rPr sz="1100" b="1" spc="-10" dirty="0">
                <a:solidFill>
                  <a:srgbClr val="FF0000"/>
                </a:solidFill>
                <a:latin typeface="Times New Roman"/>
                <a:cs typeface="Times New Roman"/>
              </a:rPr>
              <a:t>r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f</a:t>
            </a:r>
            <a:r>
              <a:rPr sz="1100" b="1" spc="5" dirty="0">
                <a:solidFill>
                  <a:srgbClr val="FF0000"/>
                </a:solidFill>
                <a:latin typeface="Times New Roman"/>
                <a:cs typeface="Times New Roman"/>
              </a:rPr>
              <a:t>a</a:t>
            </a: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c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e</a:t>
            </a:r>
            <a:endParaRPr sz="11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30"/>
              </a:spcBef>
              <a:tabLst>
                <a:tab pos="354965" algn="l"/>
              </a:tabLst>
            </a:pPr>
            <a:r>
              <a:rPr sz="11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100" b="1" spc="-25" dirty="0">
                <a:solidFill>
                  <a:srgbClr val="FF0000"/>
                </a:solidFill>
                <a:latin typeface="Times New Roman"/>
                <a:cs typeface="Times New Roman"/>
              </a:rPr>
              <a:t>Types</a:t>
            </a:r>
            <a:r>
              <a:rPr sz="1100" b="1" spc="-2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of</a:t>
            </a:r>
            <a:r>
              <a:rPr sz="1100" b="1" spc="-3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Data</a:t>
            </a:r>
            <a:r>
              <a:rPr sz="1100" b="1" spc="-4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15" dirty="0">
                <a:solidFill>
                  <a:srgbClr val="FF0000"/>
                </a:solidFill>
                <a:latin typeface="Times New Roman"/>
                <a:cs typeface="Times New Roman"/>
              </a:rPr>
              <a:t>Transfer</a:t>
            </a:r>
            <a:endParaRPr sz="11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820"/>
              </a:spcBef>
              <a:buClr>
                <a:srgbClr val="B83C68"/>
              </a:buClr>
              <a:buSzPct val="80000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Asynchronous</a:t>
            </a:r>
            <a:r>
              <a:rPr sz="1100" b="1" spc="-2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Parallel</a:t>
            </a:r>
            <a:r>
              <a:rPr sz="1100" b="1" spc="-5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Data</a:t>
            </a:r>
            <a:r>
              <a:rPr sz="1100" b="1" spc="-3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20" dirty="0">
                <a:solidFill>
                  <a:srgbClr val="FF0000"/>
                </a:solidFill>
                <a:latin typeface="Times New Roman"/>
                <a:cs typeface="Times New Roman"/>
              </a:rPr>
              <a:t>Transfer</a:t>
            </a:r>
            <a:endParaRPr sz="11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815"/>
              </a:spcBef>
              <a:buClr>
                <a:srgbClr val="B83C68"/>
              </a:buClr>
              <a:buSzPct val="80000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Asynchronous</a:t>
            </a:r>
            <a:r>
              <a:rPr sz="1100" b="1" spc="-2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Serial</a:t>
            </a:r>
            <a:r>
              <a:rPr sz="1100" b="1" spc="-3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Data</a:t>
            </a:r>
            <a:r>
              <a:rPr sz="1100" b="1" spc="-3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20" dirty="0">
                <a:solidFill>
                  <a:srgbClr val="FF0000"/>
                </a:solidFill>
                <a:latin typeface="Times New Roman"/>
                <a:cs typeface="Times New Roman"/>
              </a:rPr>
              <a:t>Transfer</a:t>
            </a:r>
            <a:endParaRPr sz="11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25"/>
              </a:spcBef>
              <a:tabLst>
                <a:tab pos="354965" algn="l"/>
              </a:tabLst>
            </a:pPr>
            <a:r>
              <a:rPr sz="11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Asynchronous Communication</a:t>
            </a:r>
            <a:r>
              <a:rPr sz="1100" b="1" spc="2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Interface</a:t>
            </a:r>
            <a:endParaRPr sz="11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19"/>
              </a:spcBef>
              <a:tabLst>
                <a:tab pos="354965" algn="l"/>
              </a:tabLst>
            </a:pPr>
            <a:r>
              <a:rPr sz="11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Interrupt</a:t>
            </a:r>
            <a:endParaRPr sz="11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r>
              <a:rPr sz="11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Modes</a:t>
            </a:r>
            <a:r>
              <a:rPr sz="1100" b="1" spc="-3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of</a:t>
            </a:r>
            <a:r>
              <a:rPr sz="1100" b="1" spc="-2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Data</a:t>
            </a:r>
            <a:r>
              <a:rPr sz="1100" b="1" spc="-4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15" dirty="0">
                <a:solidFill>
                  <a:srgbClr val="FF0000"/>
                </a:solidFill>
                <a:latin typeface="Times New Roman"/>
                <a:cs typeface="Times New Roman"/>
              </a:rPr>
              <a:t>Transfer</a:t>
            </a:r>
            <a:endParaRPr sz="11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830"/>
              </a:spcBef>
              <a:buClr>
                <a:srgbClr val="B83C68"/>
              </a:buClr>
              <a:buSzPct val="80000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1100" b="1" spc="-15" dirty="0">
                <a:solidFill>
                  <a:srgbClr val="FF0000"/>
                </a:solidFill>
                <a:latin typeface="Times New Roman"/>
                <a:cs typeface="Times New Roman"/>
              </a:rPr>
              <a:t>Programmed</a:t>
            </a:r>
            <a:r>
              <a:rPr sz="1100" b="1" spc="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I/O</a:t>
            </a:r>
            <a:endParaRPr sz="11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815"/>
              </a:spcBef>
              <a:buClr>
                <a:srgbClr val="B83C68"/>
              </a:buClr>
              <a:buSzPct val="80000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Interrupt</a:t>
            </a:r>
            <a:r>
              <a:rPr sz="1100" b="1" spc="-1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driven</a:t>
            </a:r>
            <a:r>
              <a:rPr sz="1100" b="1" spc="-3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I/O</a:t>
            </a:r>
            <a:endParaRPr sz="1100">
              <a:latin typeface="Times New Roman"/>
              <a:cs typeface="Times New Roman"/>
            </a:endParaRPr>
          </a:p>
          <a:p>
            <a:pPr marL="1093470" lvl="1" indent="-287655">
              <a:lnSpc>
                <a:spcPct val="100000"/>
              </a:lnSpc>
              <a:spcBef>
                <a:spcPts val="815"/>
              </a:spcBef>
              <a:buClr>
                <a:srgbClr val="B83C68"/>
              </a:buClr>
              <a:buSzPct val="80000"/>
              <a:buFont typeface="Wingdings"/>
              <a:buChar char=""/>
              <a:tabLst>
                <a:tab pos="1093470" algn="l"/>
                <a:tab pos="1094105" algn="l"/>
              </a:tabLst>
            </a:pP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Priority</a:t>
            </a:r>
            <a:r>
              <a:rPr sz="1100" b="1" spc="-4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Interrupt</a:t>
            </a:r>
            <a:endParaRPr sz="1100">
              <a:latin typeface="Times New Roman"/>
              <a:cs typeface="Times New Roman"/>
            </a:endParaRPr>
          </a:p>
          <a:p>
            <a:pPr marL="733425" indent="-343535">
              <a:lnSpc>
                <a:spcPct val="100000"/>
              </a:lnSpc>
              <a:spcBef>
                <a:spcPts val="830"/>
              </a:spcBef>
              <a:buClr>
                <a:srgbClr val="B83C68"/>
              </a:buClr>
              <a:buSzPct val="80000"/>
              <a:buFont typeface="Wingdings"/>
              <a:buChar char=""/>
              <a:tabLst>
                <a:tab pos="733425" algn="l"/>
                <a:tab pos="734060" algn="l"/>
              </a:tabLst>
            </a:pPr>
            <a:r>
              <a:rPr sz="1100" b="1" spc="-10" dirty="0">
                <a:solidFill>
                  <a:srgbClr val="FF0000"/>
                </a:solidFill>
                <a:latin typeface="Times New Roman"/>
                <a:cs typeface="Times New Roman"/>
              </a:rPr>
              <a:t>Direct</a:t>
            </a: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10" dirty="0">
                <a:solidFill>
                  <a:srgbClr val="FF0000"/>
                </a:solidFill>
                <a:latin typeface="Times New Roman"/>
                <a:cs typeface="Times New Roman"/>
              </a:rPr>
              <a:t>Memory</a:t>
            </a:r>
            <a:r>
              <a:rPr sz="1100" b="1" spc="-6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10" dirty="0">
                <a:solidFill>
                  <a:srgbClr val="FF0000"/>
                </a:solidFill>
                <a:latin typeface="Times New Roman"/>
                <a:cs typeface="Times New Roman"/>
              </a:rPr>
              <a:t>Access</a:t>
            </a:r>
            <a:r>
              <a:rPr sz="1100" b="1" spc="1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(DMA)</a:t>
            </a:r>
            <a:endParaRPr sz="11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r>
              <a:rPr sz="1100" spc="-12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I/O</a:t>
            </a:r>
            <a:r>
              <a:rPr sz="1100" b="1" spc="-3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dirty="0">
                <a:solidFill>
                  <a:srgbClr val="FF0000"/>
                </a:solidFill>
                <a:latin typeface="Times New Roman"/>
                <a:cs typeface="Times New Roman"/>
              </a:rPr>
              <a:t>Channel</a:t>
            </a:r>
            <a:r>
              <a:rPr sz="1100" b="1" spc="-1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>
                <a:solidFill>
                  <a:srgbClr val="FF0000"/>
                </a:solidFill>
                <a:latin typeface="Times New Roman"/>
                <a:cs typeface="Times New Roman"/>
              </a:rPr>
              <a:t>and</a:t>
            </a:r>
            <a:r>
              <a:rPr sz="1100" b="1" spc="-2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1100" b="1" spc="-5" smtClean="0">
                <a:solidFill>
                  <a:srgbClr val="FF0000"/>
                </a:solidFill>
                <a:latin typeface="Times New Roman"/>
                <a:cs typeface="Times New Roman"/>
              </a:rPr>
              <a:t>Processor</a:t>
            </a:r>
            <a:endParaRPr lang="en-US" sz="1100" b="1" spc="-5" dirty="0" smtClean="0">
              <a:solidFill>
                <a:srgbClr val="FF0000"/>
              </a:solidFill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00"/>
              </a:spcBef>
              <a:tabLst>
                <a:tab pos="354965" algn="l"/>
              </a:tabLst>
            </a:pP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Introduction</a:t>
            </a:r>
            <a:endParaRPr lang="en-US" sz="1100" dirty="0" smtClean="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lang="en-US" sz="1100" spc="-140" dirty="0" smtClean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lang="en-US" sz="1100" b="1" spc="-15" dirty="0" smtClean="0">
                <a:solidFill>
                  <a:srgbClr val="FF0000"/>
                </a:solidFill>
                <a:latin typeface="Times New Roman"/>
                <a:cs typeface="Times New Roman"/>
              </a:rPr>
              <a:t>Flynn’s</a:t>
            </a:r>
            <a:r>
              <a:rPr lang="en-US" sz="1100" b="1" spc="-40" dirty="0" smtClean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Classification</a:t>
            </a:r>
            <a:endParaRPr lang="en-US" sz="1100" dirty="0" smtClean="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lang="en-US" sz="1100" spc="-140" dirty="0" smtClean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lang="en-US" sz="1100" b="1" spc="-140" dirty="0" smtClean="0">
                <a:solidFill>
                  <a:srgbClr val="FF0000"/>
                </a:solidFill>
                <a:latin typeface="Times New Roman"/>
                <a:cs typeface="Times New Roman"/>
              </a:rPr>
              <a:t>Pipe</a:t>
            </a:r>
            <a:r>
              <a:rPr lang="en-US" sz="1100" b="1" spc="5" dirty="0" smtClean="0">
                <a:solidFill>
                  <a:srgbClr val="FF0000"/>
                </a:solidFill>
                <a:latin typeface="Times New Roman"/>
                <a:cs typeface="Times New Roman"/>
              </a:rPr>
              <a:t>l</a:t>
            </a: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ine</a:t>
            </a:r>
            <a:r>
              <a:rPr lang="en-US" sz="1100" b="1" spc="-114" dirty="0" smtClean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A</a:t>
            </a:r>
            <a:r>
              <a:rPr lang="en-US" sz="1100" b="1" spc="-45" dirty="0" smtClean="0">
                <a:solidFill>
                  <a:srgbClr val="FF0000"/>
                </a:solidFill>
                <a:latin typeface="Times New Roman"/>
                <a:cs typeface="Times New Roman"/>
              </a:rPr>
              <a:t>r</a:t>
            </a: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chite</a:t>
            </a:r>
            <a:r>
              <a:rPr lang="en-US" sz="1100" b="1" dirty="0" smtClean="0">
                <a:solidFill>
                  <a:srgbClr val="FF0000"/>
                </a:solidFill>
                <a:latin typeface="Times New Roman"/>
                <a:cs typeface="Times New Roman"/>
              </a:rPr>
              <a:t>c</a:t>
            </a: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t</a:t>
            </a:r>
            <a:r>
              <a:rPr lang="en-US" sz="1100" b="1" spc="-15" dirty="0" smtClean="0">
                <a:solidFill>
                  <a:srgbClr val="FF0000"/>
                </a:solidFill>
                <a:latin typeface="Times New Roman"/>
                <a:cs typeface="Times New Roman"/>
              </a:rPr>
              <a:t>u</a:t>
            </a:r>
            <a:r>
              <a:rPr lang="en-US" sz="1100" b="1" spc="-35" dirty="0" smtClean="0">
                <a:solidFill>
                  <a:srgbClr val="FF0000"/>
                </a:solidFill>
                <a:latin typeface="Times New Roman"/>
                <a:cs typeface="Times New Roman"/>
              </a:rPr>
              <a:t>r</a:t>
            </a:r>
            <a:r>
              <a:rPr lang="en-US" sz="1100" b="1" dirty="0" smtClean="0">
                <a:solidFill>
                  <a:srgbClr val="FF0000"/>
                </a:solidFill>
                <a:latin typeface="Times New Roman"/>
                <a:cs typeface="Times New Roman"/>
              </a:rPr>
              <a:t>e</a:t>
            </a:r>
            <a:endParaRPr lang="en-US" sz="1100" dirty="0" smtClean="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lang="en-US" sz="1100" spc="-140" dirty="0" smtClean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lang="en-US" sz="1100" b="1" dirty="0" smtClean="0">
                <a:solidFill>
                  <a:srgbClr val="FF0000"/>
                </a:solidFill>
                <a:latin typeface="Times New Roman"/>
                <a:cs typeface="Times New Roman"/>
              </a:rPr>
              <a:t>Pipeline</a:t>
            </a:r>
            <a:r>
              <a:rPr lang="en-US" sz="1100" b="1" spc="-40" dirty="0" smtClean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Hazard</a:t>
            </a:r>
            <a:endParaRPr lang="en-US" sz="1100" dirty="0" smtClean="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  <a:tabLst>
                <a:tab pos="354965" algn="l"/>
              </a:tabLst>
            </a:pPr>
            <a:r>
              <a:rPr lang="en-US" sz="1100" spc="-140" dirty="0" smtClean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lang="en-US" sz="1100" b="1" dirty="0" smtClean="0">
                <a:solidFill>
                  <a:srgbClr val="FF0000"/>
                </a:solidFill>
                <a:latin typeface="Times New Roman"/>
                <a:cs typeface="Times New Roman"/>
              </a:rPr>
              <a:t>R</a:t>
            </a:r>
            <a:r>
              <a:rPr lang="en-US" sz="1100" b="1" spc="-10" dirty="0" smtClean="0">
                <a:solidFill>
                  <a:srgbClr val="FF0000"/>
                </a:solidFill>
                <a:latin typeface="Times New Roman"/>
                <a:cs typeface="Times New Roman"/>
              </a:rPr>
              <a:t>I</a:t>
            </a:r>
            <a:r>
              <a:rPr lang="en-US" sz="1100" b="1" dirty="0" smtClean="0">
                <a:solidFill>
                  <a:srgbClr val="FF0000"/>
                </a:solidFill>
                <a:latin typeface="Times New Roman"/>
                <a:cs typeface="Times New Roman"/>
              </a:rPr>
              <a:t>SC</a:t>
            </a:r>
            <a:r>
              <a:rPr lang="en-US" sz="1100" b="1" spc="-130" dirty="0" smtClean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lang="en-US" sz="1100" b="1" dirty="0" smtClean="0">
                <a:solidFill>
                  <a:srgbClr val="FF0000"/>
                </a:solidFill>
                <a:latin typeface="Times New Roman"/>
                <a:cs typeface="Times New Roman"/>
              </a:rPr>
              <a:t>A</a:t>
            </a:r>
            <a:r>
              <a:rPr lang="en-US" sz="1100" b="1" spc="-40" dirty="0" smtClean="0">
                <a:solidFill>
                  <a:srgbClr val="FF0000"/>
                </a:solidFill>
                <a:latin typeface="Times New Roman"/>
                <a:cs typeface="Times New Roman"/>
              </a:rPr>
              <a:t>r</a:t>
            </a:r>
            <a:r>
              <a:rPr lang="en-US" sz="1100" b="1" dirty="0" smtClean="0">
                <a:solidFill>
                  <a:srgbClr val="FF0000"/>
                </a:solidFill>
                <a:latin typeface="Times New Roman"/>
                <a:cs typeface="Times New Roman"/>
              </a:rPr>
              <a:t>chitect</a:t>
            </a:r>
            <a:r>
              <a:rPr lang="en-US" sz="1100" b="1" spc="-10" dirty="0" smtClean="0">
                <a:solidFill>
                  <a:srgbClr val="FF0000"/>
                </a:solidFill>
                <a:latin typeface="Times New Roman"/>
                <a:cs typeface="Times New Roman"/>
              </a:rPr>
              <a:t>u</a:t>
            </a:r>
            <a:r>
              <a:rPr lang="en-US" sz="1100" b="1" spc="-35" dirty="0" smtClean="0">
                <a:solidFill>
                  <a:srgbClr val="FF0000"/>
                </a:solidFill>
                <a:latin typeface="Times New Roman"/>
                <a:cs typeface="Times New Roman"/>
              </a:rPr>
              <a:t>r</a:t>
            </a:r>
            <a:r>
              <a:rPr lang="en-US" sz="1100" b="1" dirty="0" smtClean="0">
                <a:solidFill>
                  <a:srgbClr val="FF0000"/>
                </a:solidFill>
                <a:latin typeface="Times New Roman"/>
                <a:cs typeface="Times New Roman"/>
              </a:rPr>
              <a:t>e</a:t>
            </a:r>
            <a:endParaRPr lang="en-US" sz="1100" dirty="0" smtClean="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lang="en-US" sz="1100" spc="-140" dirty="0" smtClean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CI</a:t>
            </a:r>
            <a:r>
              <a:rPr lang="en-US" sz="1100" b="1" spc="-15" dirty="0" smtClean="0">
                <a:solidFill>
                  <a:srgbClr val="FF0000"/>
                </a:solidFill>
                <a:latin typeface="Times New Roman"/>
                <a:cs typeface="Times New Roman"/>
              </a:rPr>
              <a:t>S</a:t>
            </a: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C</a:t>
            </a:r>
            <a:r>
              <a:rPr lang="en-US" sz="1100" b="1" spc="-125" dirty="0" smtClean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A</a:t>
            </a:r>
            <a:r>
              <a:rPr lang="en-US" sz="1100" b="1" spc="-45" dirty="0" smtClean="0">
                <a:solidFill>
                  <a:srgbClr val="FF0000"/>
                </a:solidFill>
                <a:latin typeface="Times New Roman"/>
                <a:cs typeface="Times New Roman"/>
              </a:rPr>
              <a:t>r</a:t>
            </a: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chite</a:t>
            </a:r>
            <a:r>
              <a:rPr lang="en-US" sz="1100" b="1" dirty="0" smtClean="0">
                <a:solidFill>
                  <a:srgbClr val="FF0000"/>
                </a:solidFill>
                <a:latin typeface="Times New Roman"/>
                <a:cs typeface="Times New Roman"/>
              </a:rPr>
              <a:t>c</a:t>
            </a:r>
            <a:r>
              <a:rPr lang="en-US" sz="1100" b="1" spc="-5" dirty="0" smtClean="0">
                <a:solidFill>
                  <a:srgbClr val="FF0000"/>
                </a:solidFill>
                <a:latin typeface="Times New Roman"/>
                <a:cs typeface="Times New Roman"/>
              </a:rPr>
              <a:t>t</a:t>
            </a:r>
            <a:r>
              <a:rPr lang="en-US" sz="1100" b="1" spc="-15" dirty="0" smtClean="0">
                <a:solidFill>
                  <a:srgbClr val="FF0000"/>
                </a:solidFill>
                <a:latin typeface="Times New Roman"/>
                <a:cs typeface="Times New Roman"/>
              </a:rPr>
              <a:t>u</a:t>
            </a:r>
            <a:r>
              <a:rPr lang="en-US" sz="1100" b="1" spc="-35" dirty="0" smtClean="0">
                <a:solidFill>
                  <a:srgbClr val="FF0000"/>
                </a:solidFill>
                <a:latin typeface="Times New Roman"/>
                <a:cs typeface="Times New Roman"/>
              </a:rPr>
              <a:t>r</a:t>
            </a:r>
            <a:r>
              <a:rPr lang="en-US" sz="1100" b="1" dirty="0" smtClean="0">
                <a:solidFill>
                  <a:srgbClr val="FF0000"/>
                </a:solidFill>
                <a:latin typeface="Times New Roman"/>
                <a:cs typeface="Times New Roman"/>
              </a:rPr>
              <a:t>e</a:t>
            </a:r>
            <a:endParaRPr lang="en-US" sz="1100" dirty="0" smtClean="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endParaRPr lang="en-US" sz="1100" b="1" spc="-5" dirty="0" smtClean="0">
              <a:solidFill>
                <a:srgbClr val="FF0000"/>
              </a:solidFill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15"/>
              </a:spcBef>
              <a:tabLst>
                <a:tab pos="354965" algn="l"/>
              </a:tabLst>
            </a:pPr>
            <a:endParaRPr sz="11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pic>
          <p:nvPicPr>
            <p:cNvPr id="3" name="object 3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5800344" y="2939795"/>
              <a:ext cx="4200144" cy="504443"/>
            </a:xfrm>
            <a:prstGeom prst="rect">
              <a:avLst/>
            </a:prstGeom>
          </p:spPr>
        </p:pic>
        <p:pic>
          <p:nvPicPr>
            <p:cNvPr id="4" name="object 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5800344" y="4219955"/>
              <a:ext cx="4200144" cy="505968"/>
            </a:xfrm>
            <a:prstGeom prst="rect">
              <a:avLst/>
            </a:prstGeom>
          </p:spPr>
        </p:pic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5800344" y="3585971"/>
              <a:ext cx="4200144" cy="504444"/>
            </a:xfrm>
            <a:prstGeom prst="rect">
              <a:avLst/>
            </a:prstGeom>
          </p:spPr>
        </p:pic>
      </p:grpSp>
      <p:sp>
        <p:nvSpPr>
          <p:cNvPr id="6" name="object 6"/>
          <p:cNvSpPr/>
          <p:nvPr/>
        </p:nvSpPr>
        <p:spPr>
          <a:xfrm>
            <a:off x="10328909" y="2931414"/>
            <a:ext cx="498475" cy="1786255"/>
          </a:xfrm>
          <a:custGeom>
            <a:avLst/>
            <a:gdLst/>
            <a:ahLst/>
            <a:cxnLst/>
            <a:rect l="l" t="t" r="r" b="b"/>
            <a:pathLst>
              <a:path w="498475" h="1786254">
                <a:moveTo>
                  <a:pt x="0" y="83058"/>
                </a:moveTo>
                <a:lnTo>
                  <a:pt x="6530" y="50738"/>
                </a:lnTo>
                <a:lnTo>
                  <a:pt x="24336" y="24336"/>
                </a:lnTo>
                <a:lnTo>
                  <a:pt x="50738" y="6530"/>
                </a:lnTo>
                <a:lnTo>
                  <a:pt x="83058" y="0"/>
                </a:lnTo>
                <a:lnTo>
                  <a:pt x="415290" y="0"/>
                </a:lnTo>
                <a:lnTo>
                  <a:pt x="447609" y="6530"/>
                </a:lnTo>
                <a:lnTo>
                  <a:pt x="474011" y="24336"/>
                </a:lnTo>
                <a:lnTo>
                  <a:pt x="491817" y="50738"/>
                </a:lnTo>
                <a:lnTo>
                  <a:pt x="498348" y="83058"/>
                </a:lnTo>
                <a:lnTo>
                  <a:pt x="498348" y="1703070"/>
                </a:lnTo>
                <a:lnTo>
                  <a:pt x="491817" y="1735389"/>
                </a:lnTo>
                <a:lnTo>
                  <a:pt x="474011" y="1761791"/>
                </a:lnTo>
                <a:lnTo>
                  <a:pt x="447609" y="1779597"/>
                </a:lnTo>
                <a:lnTo>
                  <a:pt x="415290" y="1786128"/>
                </a:lnTo>
                <a:lnTo>
                  <a:pt x="83058" y="1786128"/>
                </a:lnTo>
                <a:lnTo>
                  <a:pt x="50738" y="1779597"/>
                </a:lnTo>
                <a:lnTo>
                  <a:pt x="24336" y="1761791"/>
                </a:lnTo>
                <a:lnTo>
                  <a:pt x="6530" y="1735389"/>
                </a:lnTo>
                <a:lnTo>
                  <a:pt x="0" y="1703070"/>
                </a:lnTo>
                <a:lnTo>
                  <a:pt x="0" y="83058"/>
                </a:lnTo>
                <a:close/>
              </a:path>
            </a:pathLst>
          </a:custGeom>
          <a:ln w="25399">
            <a:solidFill>
              <a:srgbClr val="852A49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7" name="object 7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930383" y="3162300"/>
            <a:ext cx="388620" cy="85344"/>
          </a:xfrm>
          <a:prstGeom prst="rect">
            <a:avLst/>
          </a:prstGeom>
        </p:spPr>
      </p:pic>
      <p:pic>
        <p:nvPicPr>
          <p:cNvPr id="8" name="object 8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930383" y="4439413"/>
            <a:ext cx="390144" cy="85342"/>
          </a:xfrm>
          <a:prstGeom prst="rect">
            <a:avLst/>
          </a:prstGeom>
        </p:spPr>
      </p:pic>
      <p:pic>
        <p:nvPicPr>
          <p:cNvPr id="9" name="object 9"/>
          <p:cNvPicPr/>
          <p:nvPr/>
        </p:nvPicPr>
        <p:blipFill>
          <a:blip r:embed="rId3" cstate="print"/>
          <a:stretch>
            <a:fillRect/>
          </a:stretch>
        </p:blipFill>
        <p:spPr>
          <a:xfrm>
            <a:off x="9930383" y="3819145"/>
            <a:ext cx="388620" cy="85342"/>
          </a:xfrm>
          <a:prstGeom prst="rect">
            <a:avLst/>
          </a:prstGeom>
        </p:spPr>
      </p:pic>
      <p:sp>
        <p:nvSpPr>
          <p:cNvPr id="10" name="object 10"/>
          <p:cNvSpPr txBox="1"/>
          <p:nvPr/>
        </p:nvSpPr>
        <p:spPr>
          <a:xfrm>
            <a:off x="10497366" y="3003930"/>
            <a:ext cx="194310" cy="1555750"/>
          </a:xfrm>
          <a:prstGeom prst="rect">
            <a:avLst/>
          </a:prstGeom>
        </p:spPr>
        <p:txBody>
          <a:bodyPr vert="vert" wrap="square" lIns="0" tIns="0" rIns="0" bIns="0" rtlCol="0">
            <a:spAutoFit/>
          </a:bodyPr>
          <a:lstStyle/>
          <a:p>
            <a:pPr marL="12700">
              <a:lnSpc>
                <a:spcPts val="1410"/>
              </a:lnSpc>
            </a:pPr>
            <a:r>
              <a:rPr sz="1200" spc="-5" dirty="0">
                <a:latin typeface="Times New Roman"/>
                <a:cs typeface="Times New Roman"/>
              </a:rPr>
              <a:t>Interconnection</a:t>
            </a:r>
            <a:r>
              <a:rPr sz="1200" spc="20" dirty="0">
                <a:latin typeface="Times New Roman"/>
                <a:cs typeface="Times New Roman"/>
              </a:rPr>
              <a:t> </a:t>
            </a:r>
            <a:r>
              <a:rPr sz="1200" spc="-5" dirty="0">
                <a:latin typeface="Times New Roman"/>
                <a:cs typeface="Times New Roman"/>
              </a:rPr>
              <a:t>Network</a:t>
            </a:r>
            <a:endParaRPr sz="1200">
              <a:latin typeface="Times New Roman"/>
              <a:cs typeface="Times New Roman"/>
            </a:endParaRPr>
          </a:p>
        </p:txBody>
      </p:sp>
      <p:grpSp>
        <p:nvGrpSpPr>
          <p:cNvPr id="11" name="object 11"/>
          <p:cNvGrpSpPr/>
          <p:nvPr/>
        </p:nvGrpSpPr>
        <p:grpSpPr>
          <a:xfrm>
            <a:off x="6236208" y="4799076"/>
            <a:ext cx="1318260" cy="381000"/>
            <a:chOff x="6236208" y="4799076"/>
            <a:chExt cx="1318260" cy="381000"/>
          </a:xfrm>
        </p:grpSpPr>
        <p:pic>
          <p:nvPicPr>
            <p:cNvPr id="12" name="object 12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6236208" y="4799076"/>
              <a:ext cx="1318260" cy="134112"/>
            </a:xfrm>
            <a:prstGeom prst="rect">
              <a:avLst/>
            </a:prstGeom>
          </p:spPr>
        </p:pic>
        <p:pic>
          <p:nvPicPr>
            <p:cNvPr id="13" name="object 13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6303264" y="4933188"/>
              <a:ext cx="1184147" cy="246887"/>
            </a:xfrm>
            <a:prstGeom prst="rect">
              <a:avLst/>
            </a:prstGeom>
          </p:spPr>
        </p:pic>
      </p:grpSp>
      <p:pic>
        <p:nvPicPr>
          <p:cNvPr id="14" name="object 14"/>
          <p:cNvPicPr/>
          <p:nvPr/>
        </p:nvPicPr>
        <p:blipFill>
          <a:blip r:embed="rId6" cstate="print"/>
          <a:stretch>
            <a:fillRect/>
          </a:stretch>
        </p:blipFill>
        <p:spPr>
          <a:xfrm>
            <a:off x="7900416" y="4799076"/>
            <a:ext cx="1318259" cy="409956"/>
          </a:xfrm>
          <a:prstGeom prst="rect">
            <a:avLst/>
          </a:prstGeom>
        </p:spPr>
      </p:pic>
      <p:grpSp>
        <p:nvGrpSpPr>
          <p:cNvPr id="15" name="object 15"/>
          <p:cNvGrpSpPr/>
          <p:nvPr/>
        </p:nvGrpSpPr>
        <p:grpSpPr>
          <a:xfrm>
            <a:off x="1365503" y="2924555"/>
            <a:ext cx="3671570" cy="1741805"/>
            <a:chOff x="1365503" y="2924555"/>
            <a:chExt cx="3671570" cy="1741805"/>
          </a:xfrm>
        </p:grpSpPr>
        <p:pic>
          <p:nvPicPr>
            <p:cNvPr id="16" name="object 16"/>
            <p:cNvPicPr/>
            <p:nvPr/>
          </p:nvPicPr>
          <p:blipFill>
            <a:blip r:embed="rId7" cstate="print"/>
            <a:stretch>
              <a:fillRect/>
            </a:stretch>
          </p:blipFill>
          <p:spPr>
            <a:xfrm>
              <a:off x="1365503" y="2924555"/>
              <a:ext cx="3162300" cy="475488"/>
            </a:xfrm>
            <a:prstGeom prst="rect">
              <a:avLst/>
            </a:prstGeom>
          </p:spPr>
        </p:pic>
        <p:pic>
          <p:nvPicPr>
            <p:cNvPr id="17" name="object 17"/>
            <p:cNvPicPr/>
            <p:nvPr/>
          </p:nvPicPr>
          <p:blipFill>
            <a:blip r:embed="rId7" cstate="print"/>
            <a:stretch>
              <a:fillRect/>
            </a:stretch>
          </p:blipFill>
          <p:spPr>
            <a:xfrm>
              <a:off x="1365503" y="3550919"/>
              <a:ext cx="3162300" cy="475487"/>
            </a:xfrm>
            <a:prstGeom prst="rect">
              <a:avLst/>
            </a:prstGeom>
          </p:spPr>
        </p:pic>
        <p:pic>
          <p:nvPicPr>
            <p:cNvPr id="18" name="object 18"/>
            <p:cNvPicPr/>
            <p:nvPr/>
          </p:nvPicPr>
          <p:blipFill>
            <a:blip r:embed="rId7" cstate="print"/>
            <a:stretch>
              <a:fillRect/>
            </a:stretch>
          </p:blipFill>
          <p:spPr>
            <a:xfrm>
              <a:off x="1365503" y="4177283"/>
              <a:ext cx="3162300" cy="475488"/>
            </a:xfrm>
            <a:prstGeom prst="rect">
              <a:avLst/>
            </a:prstGeom>
          </p:spPr>
        </p:pic>
        <p:sp>
          <p:nvSpPr>
            <p:cNvPr id="19" name="object 19"/>
            <p:cNvSpPr/>
            <p:nvPr/>
          </p:nvSpPr>
          <p:spPr>
            <a:xfrm>
              <a:off x="4528565" y="2986277"/>
              <a:ext cx="495300" cy="1667510"/>
            </a:xfrm>
            <a:custGeom>
              <a:avLst/>
              <a:gdLst/>
              <a:ahLst/>
              <a:cxnLst/>
              <a:rect l="l" t="t" r="r" b="b"/>
              <a:pathLst>
                <a:path w="495300" h="1667510">
                  <a:moveTo>
                    <a:pt x="0" y="82550"/>
                  </a:moveTo>
                  <a:lnTo>
                    <a:pt x="6486" y="50417"/>
                  </a:lnTo>
                  <a:lnTo>
                    <a:pt x="24177" y="24177"/>
                  </a:lnTo>
                  <a:lnTo>
                    <a:pt x="50417" y="6486"/>
                  </a:lnTo>
                  <a:lnTo>
                    <a:pt x="82550" y="0"/>
                  </a:lnTo>
                  <a:lnTo>
                    <a:pt x="412750" y="0"/>
                  </a:lnTo>
                  <a:lnTo>
                    <a:pt x="444882" y="6486"/>
                  </a:lnTo>
                  <a:lnTo>
                    <a:pt x="471122" y="24177"/>
                  </a:lnTo>
                  <a:lnTo>
                    <a:pt x="488813" y="50417"/>
                  </a:lnTo>
                  <a:lnTo>
                    <a:pt x="495300" y="82550"/>
                  </a:lnTo>
                  <a:lnTo>
                    <a:pt x="495300" y="1584706"/>
                  </a:lnTo>
                  <a:lnTo>
                    <a:pt x="488813" y="1616838"/>
                  </a:lnTo>
                  <a:lnTo>
                    <a:pt x="471122" y="1643078"/>
                  </a:lnTo>
                  <a:lnTo>
                    <a:pt x="444882" y="1660769"/>
                  </a:lnTo>
                  <a:lnTo>
                    <a:pt x="412750" y="1667256"/>
                  </a:lnTo>
                  <a:lnTo>
                    <a:pt x="82550" y="1667256"/>
                  </a:lnTo>
                  <a:lnTo>
                    <a:pt x="50417" y="1660769"/>
                  </a:lnTo>
                  <a:lnTo>
                    <a:pt x="24177" y="1643078"/>
                  </a:lnTo>
                  <a:lnTo>
                    <a:pt x="6486" y="1616838"/>
                  </a:lnTo>
                  <a:lnTo>
                    <a:pt x="0" y="1584706"/>
                  </a:lnTo>
                  <a:lnTo>
                    <a:pt x="0" y="82550"/>
                  </a:lnTo>
                  <a:close/>
                </a:path>
              </a:pathLst>
            </a:custGeom>
            <a:ln w="2540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0" name="object 20"/>
          <p:cNvSpPr txBox="1"/>
          <p:nvPr/>
        </p:nvSpPr>
        <p:spPr>
          <a:xfrm>
            <a:off x="4669447" y="3259073"/>
            <a:ext cx="222885" cy="1174750"/>
          </a:xfrm>
          <a:prstGeom prst="rect">
            <a:avLst/>
          </a:prstGeom>
        </p:spPr>
        <p:txBody>
          <a:bodyPr vert="vert" wrap="square" lIns="0" tIns="0" rIns="0" bIns="0" rtlCol="0">
            <a:spAutoFit/>
          </a:bodyPr>
          <a:lstStyle/>
          <a:p>
            <a:pPr marL="12700">
              <a:lnSpc>
                <a:spcPts val="1630"/>
              </a:lnSpc>
            </a:pPr>
            <a:r>
              <a:rPr sz="1400" dirty="0">
                <a:latin typeface="Times New Roman"/>
                <a:cs typeface="Times New Roman"/>
              </a:rPr>
              <a:t>Shared</a:t>
            </a:r>
            <a:r>
              <a:rPr sz="1400" spc="-75" dirty="0">
                <a:latin typeface="Times New Roman"/>
                <a:cs typeface="Times New Roman"/>
              </a:rPr>
              <a:t> </a:t>
            </a:r>
            <a:r>
              <a:rPr sz="1400" spc="-5" dirty="0">
                <a:latin typeface="Times New Roman"/>
                <a:cs typeface="Times New Roman"/>
              </a:rPr>
              <a:t>Memory</a:t>
            </a:r>
            <a:endParaRPr sz="1400">
              <a:latin typeface="Times New Roman"/>
              <a:cs typeface="Times New Roman"/>
            </a:endParaRPr>
          </a:p>
        </p:txBody>
      </p:sp>
      <p:pic>
        <p:nvPicPr>
          <p:cNvPr id="21" name="object 21"/>
          <p:cNvPicPr/>
          <p:nvPr/>
        </p:nvPicPr>
        <p:blipFill>
          <a:blip r:embed="rId8" cstate="print"/>
          <a:stretch>
            <a:fillRect/>
          </a:stretch>
        </p:blipFill>
        <p:spPr>
          <a:xfrm>
            <a:off x="1729739" y="4738115"/>
            <a:ext cx="1363980" cy="399288"/>
          </a:xfrm>
          <a:prstGeom prst="rect">
            <a:avLst/>
          </a:prstGeom>
        </p:spPr>
      </p:pic>
      <p:pic>
        <p:nvPicPr>
          <p:cNvPr id="22" name="object 22"/>
          <p:cNvPicPr/>
          <p:nvPr/>
        </p:nvPicPr>
        <p:blipFill>
          <a:blip r:embed="rId9" cstate="print"/>
          <a:stretch>
            <a:fillRect/>
          </a:stretch>
        </p:blipFill>
        <p:spPr>
          <a:xfrm>
            <a:off x="3503676" y="4724400"/>
            <a:ext cx="1363979" cy="428244"/>
          </a:xfrm>
          <a:prstGeom prst="rect">
            <a:avLst/>
          </a:prstGeom>
        </p:spPr>
      </p:pic>
      <p:sp>
        <p:nvSpPr>
          <p:cNvPr id="23" name="object 23"/>
          <p:cNvSpPr txBox="1"/>
          <p:nvPr/>
        </p:nvSpPr>
        <p:spPr>
          <a:xfrm>
            <a:off x="1882901" y="5322570"/>
            <a:ext cx="2611120" cy="832485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40005" rIns="0" bIns="0" rtlCol="0">
            <a:spAutoFit/>
          </a:bodyPr>
          <a:lstStyle/>
          <a:p>
            <a:pPr marL="118745" marR="113030" indent="1270" algn="ctr">
              <a:lnSpc>
                <a:spcPct val="100000"/>
              </a:lnSpc>
              <a:spcBef>
                <a:spcPts val="315"/>
              </a:spcBef>
            </a:pPr>
            <a:r>
              <a:rPr sz="1600" spc="-5" dirty="0">
                <a:latin typeface="Times New Roman"/>
                <a:cs typeface="Times New Roman"/>
              </a:rPr>
              <a:t>Multiprocessor Architecture </a:t>
            </a:r>
            <a:r>
              <a:rPr sz="1600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Shared</a:t>
            </a:r>
            <a:r>
              <a:rPr sz="1600" spc="-10" dirty="0">
                <a:latin typeface="Times New Roman"/>
                <a:cs typeface="Times New Roman"/>
              </a:rPr>
              <a:t> Memory</a:t>
            </a:r>
            <a:r>
              <a:rPr sz="1600" spc="-40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Architecture </a:t>
            </a:r>
            <a:r>
              <a:rPr sz="1600" spc="-385" dirty="0">
                <a:latin typeface="Times New Roman"/>
                <a:cs typeface="Times New Roman"/>
              </a:rPr>
              <a:t> </a:t>
            </a:r>
            <a:r>
              <a:rPr sz="1600" spc="-15" dirty="0">
                <a:latin typeface="Times New Roman"/>
                <a:cs typeface="Times New Roman"/>
              </a:rPr>
              <a:t>Tightly</a:t>
            </a:r>
            <a:r>
              <a:rPr sz="1600" spc="5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Coupled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24" name="object 24"/>
          <p:cNvSpPr txBox="1"/>
          <p:nvPr/>
        </p:nvSpPr>
        <p:spPr>
          <a:xfrm>
            <a:off x="6629401" y="5342382"/>
            <a:ext cx="3288156" cy="779059"/>
          </a:xfrm>
          <a:prstGeom prst="rect">
            <a:avLst/>
          </a:prstGeom>
          <a:ln w="19050">
            <a:solidFill>
              <a:srgbClr val="852A49"/>
            </a:solidFill>
          </a:ln>
        </p:spPr>
        <p:txBody>
          <a:bodyPr vert="horz" wrap="square" lIns="0" tIns="40005" rIns="0" bIns="0" rtlCol="0">
            <a:spAutoFit/>
          </a:bodyPr>
          <a:lstStyle/>
          <a:p>
            <a:pPr marL="147320" marR="142240" indent="-1270" algn="ctr">
              <a:lnSpc>
                <a:spcPct val="100000"/>
              </a:lnSpc>
              <a:spcBef>
                <a:spcPts val="315"/>
              </a:spcBef>
            </a:pPr>
            <a:r>
              <a:rPr sz="1600" spc="-5" dirty="0">
                <a:latin typeface="Times New Roman"/>
                <a:cs typeface="Times New Roman"/>
              </a:rPr>
              <a:t>Multicomputer Architecture </a:t>
            </a:r>
            <a:r>
              <a:rPr sz="1600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Distributed </a:t>
            </a:r>
            <a:r>
              <a:rPr sz="1600" spc="-10" dirty="0">
                <a:latin typeface="Times New Roman"/>
                <a:cs typeface="Times New Roman"/>
              </a:rPr>
              <a:t>Memory </a:t>
            </a:r>
            <a:r>
              <a:rPr sz="1600" spc="-5" dirty="0">
                <a:latin typeface="Times New Roman"/>
                <a:cs typeface="Times New Roman"/>
              </a:rPr>
              <a:t>Architecture </a:t>
            </a:r>
            <a:r>
              <a:rPr sz="1600" spc="-385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Loosely</a:t>
            </a:r>
            <a:r>
              <a:rPr sz="1600" spc="10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Times New Roman"/>
                <a:cs typeface="Times New Roman"/>
              </a:rPr>
              <a:t>Coupled</a:t>
            </a:r>
            <a:endParaRPr sz="16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74484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40" dirty="0">
                <a:solidFill>
                  <a:srgbClr val="F4E7EC"/>
                </a:solidFill>
                <a:latin typeface="Verdana"/>
                <a:cs typeface="Verdana"/>
              </a:rPr>
              <a:t>Interconnectio</a:t>
            </a:r>
            <a:r>
              <a:rPr sz="3600" spc="-45" dirty="0">
                <a:solidFill>
                  <a:srgbClr val="F4E7EC"/>
                </a:solidFill>
                <a:latin typeface="Verdana"/>
                <a:cs typeface="Verdana"/>
              </a:rPr>
              <a:t>n</a:t>
            </a:r>
            <a:r>
              <a:rPr sz="3600" spc="-250" dirty="0">
                <a:solidFill>
                  <a:srgbClr val="F4E7EC"/>
                </a:solidFill>
                <a:latin typeface="Verdana"/>
                <a:cs typeface="Verdana"/>
              </a:rPr>
              <a:t> </a:t>
            </a:r>
            <a:r>
              <a:rPr sz="3600" spc="-40" dirty="0">
                <a:solidFill>
                  <a:srgbClr val="F4E7EC"/>
                </a:solidFill>
                <a:latin typeface="Verdana"/>
                <a:cs typeface="Verdana"/>
              </a:rPr>
              <a:t>Topol</a:t>
            </a:r>
            <a:r>
              <a:rPr sz="3600" spc="-55" dirty="0">
                <a:solidFill>
                  <a:srgbClr val="F4E7EC"/>
                </a:solidFill>
                <a:latin typeface="Verdana"/>
                <a:cs typeface="Verdana"/>
              </a:rPr>
              <a:t>o</a:t>
            </a:r>
            <a:r>
              <a:rPr sz="3600" spc="-15" dirty="0">
                <a:solidFill>
                  <a:srgbClr val="F4E7EC"/>
                </a:solidFill>
                <a:latin typeface="Verdana"/>
                <a:cs typeface="Verdana"/>
              </a:rPr>
              <a:t>gy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338197" y="2823464"/>
            <a:ext cx="7733030" cy="1870075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299085" indent="-287020">
              <a:lnSpc>
                <a:spcPct val="100000"/>
              </a:lnSpc>
              <a:spcBef>
                <a:spcPts val="1095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299085" algn="l"/>
                <a:tab pos="299720" algn="l"/>
              </a:tabLst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4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ls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lassifi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topology.</a:t>
            </a:r>
            <a:endParaRPr sz="2400">
              <a:latin typeface="Times New Roman"/>
              <a:cs typeface="Times New Roman"/>
            </a:endParaRPr>
          </a:p>
          <a:p>
            <a:pPr marL="299085" indent="-287020">
              <a:lnSpc>
                <a:spcPct val="100000"/>
              </a:lnSpc>
              <a:spcBef>
                <a:spcPts val="994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299085" algn="l"/>
                <a:tab pos="299720" algn="l"/>
              </a:tabLst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-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pology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ttern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nections</a:t>
            </a:r>
            <a:r>
              <a:rPr sz="24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rocessors.</a:t>
            </a:r>
            <a:endParaRPr sz="2400">
              <a:latin typeface="Times New Roman"/>
              <a:cs typeface="Times New Roman"/>
            </a:endParaRPr>
          </a:p>
          <a:p>
            <a:pPr marL="299085" indent="-287020">
              <a:lnSpc>
                <a:spcPct val="100000"/>
              </a:lnSpc>
              <a:spcBef>
                <a:spcPts val="1010"/>
              </a:spcBef>
              <a:buClr>
                <a:srgbClr val="B83C68"/>
              </a:buClr>
              <a:buSzPct val="79166"/>
              <a:buFont typeface="Wingdings"/>
              <a:buChar char=""/>
              <a:tabLst>
                <a:tab pos="299085" algn="l"/>
                <a:tab pos="299720" algn="l"/>
              </a:tabLst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ost-performance</a:t>
            </a:r>
            <a:r>
              <a:rPr sz="24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tradeoff</a:t>
            </a:r>
            <a:r>
              <a:rPr sz="24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termines</a:t>
            </a:r>
            <a:r>
              <a:rPr sz="2400" spc="22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24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opologies</a:t>
            </a:r>
            <a:endParaRPr sz="2400">
              <a:latin typeface="Times New Roman"/>
              <a:cs typeface="Times New Roman"/>
            </a:endParaRPr>
          </a:p>
          <a:p>
            <a:pPr marL="299085">
              <a:lnSpc>
                <a:spcPct val="100000"/>
              </a:lnSpc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for a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rocessor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524380" y="2926206"/>
            <a:ext cx="8890000" cy="2955925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algn="ctr">
              <a:lnSpc>
                <a:spcPct val="100000"/>
              </a:lnSpc>
              <a:spcBef>
                <a:spcPts val="95"/>
              </a:spcBef>
            </a:pP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Whether</a:t>
            </a:r>
            <a:r>
              <a:rPr sz="2800" spc="-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parallelism</a:t>
            </a:r>
            <a:r>
              <a:rPr sz="280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10" dirty="0">
                <a:solidFill>
                  <a:srgbClr val="006FC0"/>
                </a:solidFill>
                <a:latin typeface="Times New Roman"/>
                <a:cs typeface="Times New Roman"/>
              </a:rPr>
              <a:t>can</a:t>
            </a:r>
            <a:r>
              <a:rPr sz="2800" spc="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be</a:t>
            </a:r>
            <a:r>
              <a:rPr sz="2800" spc="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achieved</a:t>
            </a:r>
            <a:r>
              <a:rPr sz="280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in</a:t>
            </a:r>
            <a:r>
              <a:rPr sz="2800" spc="2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uni-processor</a:t>
            </a:r>
            <a:r>
              <a:rPr sz="2800" spc="-1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006FC0"/>
                </a:solidFill>
                <a:latin typeface="Times New Roman"/>
                <a:cs typeface="Times New Roman"/>
              </a:rPr>
              <a:t>system?</a:t>
            </a:r>
            <a:endParaRPr sz="2800">
              <a:latin typeface="Times New Roman"/>
              <a:cs typeface="Times New Roman"/>
            </a:endParaRPr>
          </a:p>
          <a:p>
            <a:pPr algn="ctr">
              <a:lnSpc>
                <a:spcPct val="100000"/>
              </a:lnSpc>
              <a:spcBef>
                <a:spcPts val="2675"/>
              </a:spcBef>
            </a:pPr>
            <a:r>
              <a:rPr sz="2800" spc="-100" dirty="0">
                <a:solidFill>
                  <a:srgbClr val="C00000"/>
                </a:solidFill>
                <a:latin typeface="Times New Roman"/>
                <a:cs typeface="Times New Roman"/>
              </a:rPr>
              <a:t>Yes</a:t>
            </a:r>
            <a:endParaRPr sz="2800">
              <a:latin typeface="Times New Roman"/>
              <a:cs typeface="Times New Roman"/>
            </a:endParaRPr>
          </a:p>
          <a:p>
            <a:pPr marL="2378075" marR="2370455" algn="ctr">
              <a:lnSpc>
                <a:spcPct val="203600"/>
              </a:lnSpc>
            </a:pPr>
            <a:r>
              <a:rPr sz="2800" spc="-50" dirty="0">
                <a:solidFill>
                  <a:srgbClr val="404040"/>
                </a:solidFill>
                <a:latin typeface="Times New Roman"/>
                <a:cs typeface="Times New Roman"/>
              </a:rPr>
              <a:t>Various</a:t>
            </a:r>
            <a:r>
              <a:rPr sz="2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404040"/>
                </a:solidFill>
                <a:latin typeface="Times New Roman"/>
                <a:cs typeface="Times New Roman"/>
              </a:rPr>
              <a:t>techniques</a:t>
            </a:r>
            <a:r>
              <a:rPr sz="2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dirty="0">
                <a:solidFill>
                  <a:srgbClr val="404040"/>
                </a:solidFill>
                <a:latin typeface="Times New Roman"/>
                <a:cs typeface="Times New Roman"/>
              </a:rPr>
              <a:t>there- </a:t>
            </a:r>
            <a:r>
              <a:rPr sz="2800" spc="-6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C00000"/>
                </a:solidFill>
                <a:latin typeface="Times New Roman"/>
                <a:cs typeface="Times New Roman"/>
              </a:rPr>
              <a:t>Pipelining</a:t>
            </a:r>
            <a:r>
              <a:rPr sz="28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800" spc="-5" dirty="0">
                <a:solidFill>
                  <a:srgbClr val="404040"/>
                </a:solidFill>
                <a:latin typeface="Times New Roman"/>
                <a:cs typeface="Times New Roman"/>
              </a:rPr>
              <a:t>is one of them</a:t>
            </a:r>
            <a:endParaRPr sz="2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32564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45" dirty="0">
                <a:latin typeface="Verdana"/>
                <a:cs typeface="Verdana"/>
              </a:rPr>
              <a:t>Pipelin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2001799"/>
            <a:ext cx="9486900" cy="305943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</a:pP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What</a:t>
            </a:r>
            <a:r>
              <a:rPr sz="22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is</a:t>
            </a:r>
            <a:r>
              <a:rPr sz="22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Pipeline?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8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sub-operation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ed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ly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b-operation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-</a:t>
            </a:r>
            <a:endParaRPr sz="2200">
              <a:latin typeface="Times New Roman"/>
              <a:cs typeface="Times New Roman"/>
            </a:endParaRPr>
          </a:p>
          <a:p>
            <a:pPr marL="744220" indent="-343535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545"/>
              <a:buFont typeface="Courier New"/>
              <a:buChar char="o"/>
              <a:tabLst>
                <a:tab pos="743585" algn="l"/>
                <a:tab pos="74422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etch</a:t>
            </a:r>
            <a:endParaRPr sz="2200">
              <a:latin typeface="Times New Roman"/>
              <a:cs typeface="Times New Roman"/>
            </a:endParaRPr>
          </a:p>
          <a:p>
            <a:pPr marL="744220" indent="-343535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545"/>
              <a:buFont typeface="Courier New"/>
              <a:buChar char="o"/>
              <a:tabLst>
                <a:tab pos="743585" algn="l"/>
                <a:tab pos="74422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ode</a:t>
            </a:r>
            <a:endParaRPr sz="2200">
              <a:latin typeface="Times New Roman"/>
              <a:cs typeface="Times New Roman"/>
            </a:endParaRPr>
          </a:p>
          <a:p>
            <a:pPr marL="744220" indent="-343535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545"/>
              <a:buFont typeface="Courier New"/>
              <a:buChar char="o"/>
              <a:tabLst>
                <a:tab pos="743585" algn="l"/>
                <a:tab pos="74422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nd</a:t>
            </a:r>
            <a:r>
              <a:rPr sz="2200" spc="-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etch</a:t>
            </a:r>
            <a:endParaRPr sz="2200">
              <a:latin typeface="Times New Roman"/>
              <a:cs typeface="Times New Roman"/>
            </a:endParaRPr>
          </a:p>
          <a:p>
            <a:pPr marL="744220" indent="-343535">
              <a:lnSpc>
                <a:spcPct val="100000"/>
              </a:lnSpc>
              <a:spcBef>
                <a:spcPts val="600"/>
              </a:spcBef>
              <a:buClr>
                <a:srgbClr val="B83C68"/>
              </a:buClr>
              <a:buSzPct val="79545"/>
              <a:buFont typeface="Courier New"/>
              <a:buChar char="o"/>
              <a:tabLst>
                <a:tab pos="743585" algn="l"/>
                <a:tab pos="744220" algn="l"/>
              </a:tabLst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2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endParaRPr sz="2200">
              <a:latin typeface="Times New Roman"/>
              <a:cs typeface="Times New Roman"/>
            </a:endParaRPr>
          </a:p>
        </p:txBody>
      </p:sp>
      <p:grpSp>
        <p:nvGrpSpPr>
          <p:cNvPr id="4" name="object 4"/>
          <p:cNvGrpSpPr/>
          <p:nvPr/>
        </p:nvGrpSpPr>
        <p:grpSpPr>
          <a:xfrm>
            <a:off x="3053842" y="5193601"/>
            <a:ext cx="5575300" cy="1381125"/>
            <a:chOff x="3053842" y="5193601"/>
            <a:chExt cx="5575300" cy="1381125"/>
          </a:xfrm>
        </p:grpSpPr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4431792" y="5198364"/>
              <a:ext cx="2819400" cy="1371600"/>
            </a:xfrm>
            <a:prstGeom prst="rect">
              <a:avLst/>
            </a:prstGeom>
          </p:spPr>
        </p:pic>
        <p:sp>
          <p:nvSpPr>
            <p:cNvPr id="6" name="object 6"/>
            <p:cNvSpPr/>
            <p:nvPr/>
          </p:nvSpPr>
          <p:spPr>
            <a:xfrm>
              <a:off x="4431792" y="5198364"/>
              <a:ext cx="2819400" cy="1371600"/>
            </a:xfrm>
            <a:custGeom>
              <a:avLst/>
              <a:gdLst/>
              <a:ahLst/>
              <a:cxnLst/>
              <a:rect l="l" t="t" r="r" b="b"/>
              <a:pathLst>
                <a:path w="2819400" h="1371600">
                  <a:moveTo>
                    <a:pt x="0" y="228600"/>
                  </a:moveTo>
                  <a:lnTo>
                    <a:pt x="4644" y="182533"/>
                  </a:lnTo>
                  <a:lnTo>
                    <a:pt x="17966" y="139624"/>
                  </a:lnTo>
                  <a:lnTo>
                    <a:pt x="39045" y="100793"/>
                  </a:lnTo>
                  <a:lnTo>
                    <a:pt x="66960" y="66960"/>
                  </a:lnTo>
                  <a:lnTo>
                    <a:pt x="100793" y="39045"/>
                  </a:lnTo>
                  <a:lnTo>
                    <a:pt x="139624" y="17966"/>
                  </a:lnTo>
                  <a:lnTo>
                    <a:pt x="182533" y="4644"/>
                  </a:lnTo>
                  <a:lnTo>
                    <a:pt x="228600" y="0"/>
                  </a:lnTo>
                  <a:lnTo>
                    <a:pt x="2590800" y="0"/>
                  </a:lnTo>
                  <a:lnTo>
                    <a:pt x="2636866" y="4644"/>
                  </a:lnTo>
                  <a:lnTo>
                    <a:pt x="2679775" y="17966"/>
                  </a:lnTo>
                  <a:lnTo>
                    <a:pt x="2718606" y="39045"/>
                  </a:lnTo>
                  <a:lnTo>
                    <a:pt x="2752439" y="66960"/>
                  </a:lnTo>
                  <a:lnTo>
                    <a:pt x="2780354" y="100793"/>
                  </a:lnTo>
                  <a:lnTo>
                    <a:pt x="2801433" y="139624"/>
                  </a:lnTo>
                  <a:lnTo>
                    <a:pt x="2814755" y="182533"/>
                  </a:lnTo>
                  <a:lnTo>
                    <a:pt x="2819400" y="228600"/>
                  </a:lnTo>
                  <a:lnTo>
                    <a:pt x="2819400" y="1143000"/>
                  </a:lnTo>
                  <a:lnTo>
                    <a:pt x="2814755" y="1189070"/>
                  </a:lnTo>
                  <a:lnTo>
                    <a:pt x="2801433" y="1231980"/>
                  </a:lnTo>
                  <a:lnTo>
                    <a:pt x="2780354" y="1270811"/>
                  </a:lnTo>
                  <a:lnTo>
                    <a:pt x="2752439" y="1304644"/>
                  </a:lnTo>
                  <a:lnTo>
                    <a:pt x="2718606" y="1332558"/>
                  </a:lnTo>
                  <a:lnTo>
                    <a:pt x="2679775" y="1353635"/>
                  </a:lnTo>
                  <a:lnTo>
                    <a:pt x="2636866" y="1366955"/>
                  </a:lnTo>
                  <a:lnTo>
                    <a:pt x="2590800" y="1371600"/>
                  </a:lnTo>
                  <a:lnTo>
                    <a:pt x="228600" y="1371600"/>
                  </a:lnTo>
                  <a:lnTo>
                    <a:pt x="182533" y="1366955"/>
                  </a:lnTo>
                  <a:lnTo>
                    <a:pt x="139624" y="1353635"/>
                  </a:lnTo>
                  <a:lnTo>
                    <a:pt x="100793" y="1332558"/>
                  </a:lnTo>
                  <a:lnTo>
                    <a:pt x="66960" y="1304644"/>
                  </a:lnTo>
                  <a:lnTo>
                    <a:pt x="39045" y="1270811"/>
                  </a:lnTo>
                  <a:lnTo>
                    <a:pt x="17966" y="1231980"/>
                  </a:lnTo>
                  <a:lnTo>
                    <a:pt x="4644" y="1189070"/>
                  </a:lnTo>
                  <a:lnTo>
                    <a:pt x="0" y="1143000"/>
                  </a:lnTo>
                  <a:lnTo>
                    <a:pt x="0" y="22860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3060192" y="5807964"/>
              <a:ext cx="5562600" cy="152400"/>
            </a:xfrm>
            <a:custGeom>
              <a:avLst/>
              <a:gdLst/>
              <a:ahLst/>
              <a:cxnLst/>
              <a:rect l="l" t="t" r="r" b="b"/>
              <a:pathLst>
                <a:path w="5562600" h="152400">
                  <a:moveTo>
                    <a:pt x="0" y="38100"/>
                  </a:moveTo>
                  <a:lnTo>
                    <a:pt x="1295399" y="38100"/>
                  </a:lnTo>
                  <a:lnTo>
                    <a:pt x="1295399" y="0"/>
                  </a:lnTo>
                  <a:lnTo>
                    <a:pt x="1371599" y="76200"/>
                  </a:lnTo>
                  <a:lnTo>
                    <a:pt x="1295399" y="152400"/>
                  </a:lnTo>
                  <a:lnTo>
                    <a:pt x="1295399" y="114300"/>
                  </a:lnTo>
                  <a:lnTo>
                    <a:pt x="0" y="114300"/>
                  </a:lnTo>
                  <a:lnTo>
                    <a:pt x="0" y="38100"/>
                  </a:lnTo>
                  <a:close/>
                </a:path>
                <a:path w="5562600" h="152400">
                  <a:moveTo>
                    <a:pt x="4191000" y="38100"/>
                  </a:moveTo>
                  <a:lnTo>
                    <a:pt x="5486400" y="38100"/>
                  </a:lnTo>
                  <a:lnTo>
                    <a:pt x="5486400" y="0"/>
                  </a:lnTo>
                  <a:lnTo>
                    <a:pt x="5562600" y="76200"/>
                  </a:lnTo>
                  <a:lnTo>
                    <a:pt x="5486400" y="152400"/>
                  </a:lnTo>
                  <a:lnTo>
                    <a:pt x="5486400" y="114300"/>
                  </a:lnTo>
                  <a:lnTo>
                    <a:pt x="4191000" y="114300"/>
                  </a:lnTo>
                  <a:lnTo>
                    <a:pt x="4191000" y="38100"/>
                  </a:lnTo>
                  <a:close/>
                </a:path>
              </a:pathLst>
            </a:custGeom>
            <a:ln w="12700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8" name="object 8"/>
          <p:cNvSpPr txBox="1"/>
          <p:nvPr/>
        </p:nvSpPr>
        <p:spPr>
          <a:xfrm>
            <a:off x="4773548" y="5645607"/>
            <a:ext cx="2298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B83C68"/>
                </a:solidFill>
                <a:latin typeface="Arial MT"/>
                <a:cs typeface="Arial MT"/>
              </a:rPr>
              <a:t>IF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9" name="object 9"/>
          <p:cNvSpPr txBox="1"/>
          <p:nvPr/>
        </p:nvSpPr>
        <p:spPr>
          <a:xfrm>
            <a:off x="5409057" y="6065011"/>
            <a:ext cx="2552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B83C68"/>
                </a:solidFill>
                <a:latin typeface="Arial MT"/>
                <a:cs typeface="Arial MT"/>
              </a:rPr>
              <a:t>ID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5860541" y="5460288"/>
            <a:ext cx="34417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solidFill>
                  <a:srgbClr val="B83C68"/>
                </a:solidFill>
                <a:latin typeface="Arial MT"/>
                <a:cs typeface="Arial MT"/>
              </a:rPr>
              <a:t>OF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1" name="object 11"/>
          <p:cNvSpPr txBox="1"/>
          <p:nvPr/>
        </p:nvSpPr>
        <p:spPr>
          <a:xfrm>
            <a:off x="6610857" y="5944920"/>
            <a:ext cx="33020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solidFill>
                  <a:srgbClr val="B83C68"/>
                </a:solidFill>
                <a:latin typeface="Arial MT"/>
                <a:cs typeface="Arial MT"/>
              </a:rPr>
              <a:t>EX</a:t>
            </a:r>
            <a:endParaRPr sz="1800">
              <a:latin typeface="Arial MT"/>
              <a:cs typeface="Arial MT"/>
            </a:endParaRPr>
          </a:p>
        </p:txBody>
      </p:sp>
    </p:spTree>
  </p:cSld>
  <p:clrMapOvr>
    <a:masterClrMapping/>
  </p:clrMapOvr>
</p:sld>
</file>

<file path=ppt/slides/slide6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338452" y="963386"/>
            <a:ext cx="9426575" cy="4471737"/>
          </a:xfrm>
          <a:prstGeom prst="rect">
            <a:avLst/>
          </a:prstGeom>
        </p:spPr>
        <p:txBody>
          <a:bodyPr vert="horz" wrap="square" lIns="0" tIns="49530" rIns="0" bIns="0" rtlCol="0">
            <a:spAutoFit/>
          </a:bodyPr>
          <a:lstStyle/>
          <a:p>
            <a:pPr marL="354965" marR="6985" indent="-342900">
              <a:lnSpc>
                <a:spcPts val="2380"/>
              </a:lnSpc>
              <a:spcBef>
                <a:spcPts val="390"/>
              </a:spcBef>
              <a:tabLst>
                <a:tab pos="354965" algn="l"/>
                <a:tab pos="1470660" algn="l"/>
                <a:tab pos="1966595" algn="l"/>
                <a:tab pos="3531870" algn="l"/>
                <a:tab pos="3918585" algn="l"/>
                <a:tab pos="4414520" algn="l"/>
                <a:tab pos="5339080" algn="l"/>
                <a:tab pos="6548120" algn="l"/>
                <a:tab pos="6872605" algn="l"/>
                <a:tab pos="7537450" algn="l"/>
                <a:tab pos="9227820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W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ether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perf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o</a:t>
            </a:r>
            <a:r>
              <a:rPr sz="2200" spc="5" dirty="0">
                <a:solidFill>
                  <a:srgbClr val="5A11FC"/>
                </a:solidFill>
                <a:latin typeface="Times New Roman"/>
                <a:cs typeface="Times New Roman"/>
              </a:rPr>
              <a:t>r</a:t>
            </a:r>
            <a:r>
              <a:rPr sz="2200" spc="-25" dirty="0">
                <a:solidFill>
                  <a:srgbClr val="5A11FC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an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c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o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f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20" dirty="0">
                <a:solidFill>
                  <a:srgbClr val="5A11FC"/>
                </a:solidFill>
                <a:latin typeface="Times New Roman"/>
                <a:cs typeface="Times New Roman"/>
              </a:rPr>
              <a:t>s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y</a:t>
            </a:r>
            <a:r>
              <a:rPr sz="2200" spc="-15" dirty="0">
                <a:solidFill>
                  <a:srgbClr val="5A11FC"/>
                </a:solidFill>
                <a:latin typeface="Times New Roman"/>
                <a:cs typeface="Times New Roman"/>
              </a:rPr>
              <a:t>s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t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m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en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anced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if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10" dirty="0">
                <a:solidFill>
                  <a:srgbClr val="5A11FC"/>
                </a:solidFill>
                <a:latin typeface="Times New Roman"/>
                <a:cs typeface="Times New Roman"/>
              </a:rPr>
              <a:t>eac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h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s</a:t>
            </a:r>
            <a:r>
              <a:rPr sz="2200" spc="-15" dirty="0">
                <a:solidFill>
                  <a:srgbClr val="5A11FC"/>
                </a:solidFill>
                <a:latin typeface="Times New Roman"/>
                <a:cs typeface="Times New Roman"/>
              </a:rPr>
              <a:t>u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b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-o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p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eration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	</a:t>
            </a:r>
            <a:r>
              <a:rPr sz="2200" spc="-20" dirty="0">
                <a:solidFill>
                  <a:srgbClr val="5A11FC"/>
                </a:solidFill>
                <a:latin typeface="Times New Roman"/>
                <a:cs typeface="Times New Roman"/>
              </a:rPr>
              <a:t>is  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performed</a:t>
            </a:r>
            <a:r>
              <a:rPr sz="2200" spc="25" dirty="0">
                <a:solidFill>
                  <a:srgbClr val="5A11FC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in</a:t>
            </a:r>
            <a:r>
              <a:rPr sz="2200" spc="5" dirty="0">
                <a:solidFill>
                  <a:srgbClr val="5A11FC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5A11FC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dedicated</a:t>
            </a:r>
            <a:r>
              <a:rPr sz="2200" spc="5" dirty="0">
                <a:solidFill>
                  <a:srgbClr val="5A11FC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5A11FC"/>
                </a:solidFill>
                <a:latin typeface="Times New Roman"/>
                <a:cs typeface="Times New Roman"/>
              </a:rPr>
              <a:t>segment?</a:t>
            </a:r>
            <a:endParaRPr sz="2200">
              <a:latin typeface="Times New Roman"/>
              <a:cs typeface="Times New Roman"/>
            </a:endParaRPr>
          </a:p>
          <a:p>
            <a:pPr marL="2755900">
              <a:lnSpc>
                <a:spcPct val="100000"/>
              </a:lnSpc>
              <a:spcBef>
                <a:spcPts val="690"/>
              </a:spcBef>
            </a:pPr>
            <a:r>
              <a:rPr sz="2200" spc="-5" dirty="0">
                <a:latin typeface="Times New Roman"/>
                <a:cs typeface="Times New Roman"/>
              </a:rPr>
              <a:t>That</a:t>
            </a:r>
            <a:r>
              <a:rPr sz="2200" dirty="0">
                <a:latin typeface="Times New Roman"/>
                <a:cs typeface="Times New Roman"/>
              </a:rPr>
              <a:t> gives</a:t>
            </a:r>
            <a:r>
              <a:rPr sz="2200" spc="-5" dirty="0">
                <a:latin typeface="Times New Roman"/>
                <a:cs typeface="Times New Roman"/>
              </a:rPr>
              <a:t> the</a:t>
            </a:r>
            <a:r>
              <a:rPr sz="2200" spc="-10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concept</a:t>
            </a:r>
            <a:r>
              <a:rPr sz="2200" spc="5" dirty="0">
                <a:latin typeface="Times New Roman"/>
                <a:cs typeface="Times New Roman"/>
              </a:rPr>
              <a:t> </a:t>
            </a:r>
            <a:r>
              <a:rPr sz="2200" spc="-5" dirty="0">
                <a:latin typeface="Times New Roman"/>
                <a:cs typeface="Times New Roman"/>
              </a:rPr>
              <a:t>of</a:t>
            </a:r>
            <a:r>
              <a:rPr sz="2200" dirty="0"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C00000"/>
                </a:solidFill>
                <a:latin typeface="Times New Roman"/>
                <a:cs typeface="Times New Roman"/>
              </a:rPr>
              <a:t>Pipeline</a:t>
            </a:r>
            <a:endParaRPr sz="2200">
              <a:latin typeface="Times New Roman"/>
              <a:cs typeface="Times New Roman"/>
            </a:endParaRPr>
          </a:p>
          <a:p>
            <a:pPr marL="354965" marR="6350" indent="-342900">
              <a:lnSpc>
                <a:spcPts val="2380"/>
              </a:lnSpc>
              <a:spcBef>
                <a:spcPts val="104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ing</a:t>
            </a:r>
            <a:r>
              <a:rPr sz="22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rn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icroprocessors</a:t>
            </a:r>
            <a:r>
              <a:rPr sz="22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nhanc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ance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verlapped executio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alogou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luid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low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ssembly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in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actorie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510"/>
              </a:lnSpc>
              <a:spcBef>
                <a:spcPts val="73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echnique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2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omposing</a:t>
            </a:r>
            <a:r>
              <a:rPr sz="22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quential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b-operations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endParaRPr sz="2200">
              <a:latin typeface="Times New Roman"/>
              <a:cs typeface="Times New Roman"/>
            </a:endParaRPr>
          </a:p>
          <a:p>
            <a:pPr marL="354965">
              <a:lnSpc>
                <a:spcPts val="2510"/>
              </a:lnSpc>
            </a:pP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b-operatio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ing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dicated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gment.</a:t>
            </a:r>
            <a:endParaRPr sz="2200">
              <a:latin typeface="Times New Roman"/>
              <a:cs typeface="Times New Roman"/>
            </a:endParaRPr>
          </a:p>
          <a:p>
            <a:pPr marL="354965" marR="6985" indent="-342900">
              <a:lnSpc>
                <a:spcPts val="2380"/>
              </a:lnSpc>
              <a:spcBef>
                <a:spcPts val="104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gment</a:t>
            </a:r>
            <a:r>
              <a:rPr sz="2200" spc="1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s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al</a:t>
            </a:r>
            <a:r>
              <a:rPr sz="22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cessing</a:t>
            </a:r>
            <a:r>
              <a:rPr sz="22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ransferred</a:t>
            </a:r>
            <a:r>
              <a:rPr sz="22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ext</a:t>
            </a:r>
            <a:r>
              <a:rPr sz="22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gment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ts val="2510"/>
              </a:lnSpc>
              <a:spcBef>
                <a:spcPts val="690"/>
              </a:spcBef>
              <a:tabLst>
                <a:tab pos="354965" algn="l"/>
                <a:tab pos="949325" algn="l"/>
                <a:tab pos="1623060" algn="l"/>
                <a:tab pos="2405380" algn="l"/>
                <a:tab pos="2751455" algn="l"/>
                <a:tab pos="3874770" algn="l"/>
                <a:tab pos="4545330" algn="l"/>
                <a:tab pos="5048250" algn="l"/>
                <a:tab pos="6512559" algn="l"/>
                <a:tab pos="7200265" algn="l"/>
                <a:tab pos="8103870" algn="l"/>
                <a:tab pos="9136380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	final	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l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ine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ft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tion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v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ss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g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endParaRPr sz="2200">
              <a:latin typeface="Times New Roman"/>
              <a:cs typeface="Times New Roman"/>
            </a:endParaRPr>
          </a:p>
          <a:p>
            <a:pPr marL="354965">
              <a:lnSpc>
                <a:spcPts val="251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gments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08531" y="1159329"/>
            <a:ext cx="10139825" cy="4364656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381000" marR="32384" indent="-342900">
              <a:lnSpc>
                <a:spcPct val="100000"/>
              </a:lnSpc>
              <a:spcBef>
                <a:spcPts val="95"/>
              </a:spcBef>
              <a:tabLst>
                <a:tab pos="3803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f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ages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alanced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200" spc="1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age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lower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n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another,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ntir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roughpu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ffected.</a:t>
            </a:r>
            <a:endParaRPr sz="2200">
              <a:latin typeface="Times New Roman"/>
              <a:cs typeface="Times New Roman"/>
            </a:endParaRPr>
          </a:p>
          <a:p>
            <a:pPr marL="38100">
              <a:lnSpc>
                <a:spcPct val="100000"/>
              </a:lnSpc>
              <a:spcBef>
                <a:spcPts val="994"/>
              </a:spcBef>
              <a:tabLst>
                <a:tab pos="3803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verlapping</a:t>
            </a:r>
            <a:r>
              <a:rPr sz="2200" spc="4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ation</a:t>
            </a:r>
            <a:r>
              <a:rPr sz="2200" spc="4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de</a:t>
            </a:r>
            <a:r>
              <a:rPr sz="2200" spc="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ossible</a:t>
            </a:r>
            <a:r>
              <a:rPr sz="22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200" spc="4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sociating</a:t>
            </a:r>
            <a:r>
              <a:rPr sz="2200" spc="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endParaRPr sz="2200">
              <a:latin typeface="Times New Roman"/>
              <a:cs typeface="Times New Roman"/>
            </a:endParaRPr>
          </a:p>
          <a:p>
            <a:pPr marL="381000">
              <a:lnSpc>
                <a:spcPct val="10000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 segment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pipeline.</a:t>
            </a:r>
            <a:endParaRPr sz="2200">
              <a:latin typeface="Times New Roman"/>
              <a:cs typeface="Times New Roman"/>
            </a:endParaRPr>
          </a:p>
          <a:p>
            <a:pPr marL="381000" marR="30480" indent="-342900">
              <a:lnSpc>
                <a:spcPct val="100000"/>
              </a:lnSpc>
              <a:spcBef>
                <a:spcPts val="1010"/>
              </a:spcBef>
              <a:tabLst>
                <a:tab pos="3803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s</a:t>
            </a:r>
            <a:r>
              <a:rPr sz="2200" spc="3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vide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olation</a:t>
            </a:r>
            <a:r>
              <a:rPr sz="2200" spc="3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tween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gment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so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spc="3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spc="3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e</a:t>
            </a:r>
            <a:r>
              <a:rPr sz="2200" spc="3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on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istinct data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simultaneously.</a:t>
            </a:r>
            <a:endParaRPr sz="2200">
              <a:latin typeface="Times New Roman"/>
              <a:cs typeface="Times New Roman"/>
            </a:endParaRPr>
          </a:p>
          <a:p>
            <a:pPr marL="38100">
              <a:lnSpc>
                <a:spcPct val="100000"/>
              </a:lnSpc>
              <a:spcBef>
                <a:spcPts val="994"/>
              </a:spcBef>
              <a:tabLst>
                <a:tab pos="380365" algn="l"/>
                <a:tab pos="749300" algn="l"/>
                <a:tab pos="1008380" algn="l"/>
                <a:tab pos="1563370" algn="l"/>
                <a:tab pos="2738755" algn="l"/>
                <a:tab pos="3988435" algn="l"/>
                <a:tab pos="4697095" algn="l"/>
                <a:tab pos="5389245" algn="l"/>
                <a:tab pos="6065520" algn="l"/>
                <a:tab pos="6464935" algn="l"/>
                <a:tab pos="7763509" algn="l"/>
                <a:tab pos="8612505" algn="l"/>
                <a:tab pos="909002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	a	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non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d	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computer,	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se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eps	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ust	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ed	before	the	next</a:t>
            </a:r>
            <a:endParaRPr sz="2200">
              <a:latin typeface="Times New Roman"/>
              <a:cs typeface="Times New Roman"/>
            </a:endParaRPr>
          </a:p>
          <a:p>
            <a:pPr marL="381000">
              <a:lnSpc>
                <a:spcPct val="10000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n be issued.</a:t>
            </a:r>
            <a:endParaRPr sz="2200">
              <a:latin typeface="Times New Roman"/>
              <a:cs typeface="Times New Roman"/>
            </a:endParaRPr>
          </a:p>
          <a:p>
            <a:pPr marL="381000" marR="31750" indent="-342900">
              <a:lnSpc>
                <a:spcPct val="100000"/>
              </a:lnSpc>
              <a:spcBef>
                <a:spcPts val="930"/>
              </a:spcBef>
              <a:tabLst>
                <a:tab pos="3803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ing</a:t>
            </a:r>
            <a:r>
              <a:rPr sz="22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oesn’t</a:t>
            </a:r>
            <a:r>
              <a:rPr sz="22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elp</a:t>
            </a:r>
            <a:r>
              <a:rPr sz="22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atency</a:t>
            </a:r>
            <a:r>
              <a:rPr sz="22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,</a:t>
            </a:r>
            <a:r>
              <a:rPr sz="22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elps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roughput</a:t>
            </a:r>
            <a:r>
              <a:rPr sz="22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ntire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orkload.</a:t>
            </a:r>
            <a:endParaRPr sz="2200">
              <a:latin typeface="Times New Roman"/>
              <a:cs typeface="Times New Roman"/>
            </a:endParaRPr>
          </a:p>
          <a:p>
            <a:pPr marL="38100">
              <a:lnSpc>
                <a:spcPct val="100000"/>
              </a:lnSpc>
              <a:spcBef>
                <a:spcPts val="994"/>
              </a:spcBef>
              <a:tabLst>
                <a:tab pos="3803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3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ken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y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ag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latin typeface="Times New Roman"/>
                <a:cs typeface="Times New Roman"/>
              </a:rPr>
              <a:t>t</a:t>
            </a:r>
            <a:r>
              <a:rPr sz="2175" baseline="-21072" dirty="0">
                <a:latin typeface="Times New Roman"/>
                <a:cs typeface="Times New Roman"/>
              </a:rPr>
              <a:t>p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ide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irst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3" name="object 3"/>
            <p:cNvSpPr/>
            <p:nvPr/>
          </p:nvSpPr>
          <p:spPr>
            <a:xfrm>
              <a:off x="4136897" y="2763773"/>
              <a:ext cx="3185160" cy="73660"/>
            </a:xfrm>
            <a:custGeom>
              <a:avLst/>
              <a:gdLst/>
              <a:ahLst/>
              <a:cxnLst/>
              <a:rect l="l" t="t" r="r" b="b"/>
              <a:pathLst>
                <a:path w="3185159" h="73660">
                  <a:moveTo>
                    <a:pt x="0" y="0"/>
                  </a:moveTo>
                  <a:lnTo>
                    <a:pt x="99060" y="73151"/>
                  </a:lnTo>
                </a:path>
                <a:path w="3185159" h="73660">
                  <a:moveTo>
                    <a:pt x="182879" y="0"/>
                  </a:moveTo>
                  <a:lnTo>
                    <a:pt x="83819" y="73151"/>
                  </a:lnTo>
                </a:path>
                <a:path w="3185159" h="73660">
                  <a:moveTo>
                    <a:pt x="1508760" y="0"/>
                  </a:moveTo>
                  <a:lnTo>
                    <a:pt x="1607819" y="73151"/>
                  </a:lnTo>
                </a:path>
                <a:path w="3185159" h="73660">
                  <a:moveTo>
                    <a:pt x="1677924" y="0"/>
                  </a:moveTo>
                  <a:lnTo>
                    <a:pt x="1594103" y="73151"/>
                  </a:lnTo>
                </a:path>
                <a:path w="3185159" h="73660">
                  <a:moveTo>
                    <a:pt x="3017520" y="0"/>
                  </a:moveTo>
                  <a:lnTo>
                    <a:pt x="3101340" y="73151"/>
                  </a:lnTo>
                </a:path>
                <a:path w="3185159" h="73660">
                  <a:moveTo>
                    <a:pt x="3185159" y="0"/>
                  </a:moveTo>
                  <a:lnTo>
                    <a:pt x="3087624" y="73151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4" name="object 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4180586" y="2359406"/>
              <a:ext cx="81786" cy="77214"/>
            </a:xfrm>
            <a:prstGeom prst="rect">
              <a:avLst/>
            </a:prstGeom>
          </p:spPr>
        </p:pic>
        <p:pic>
          <p:nvPicPr>
            <p:cNvPr id="5" name="object 5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5669534" y="2359406"/>
              <a:ext cx="78738" cy="77214"/>
            </a:xfrm>
            <a:prstGeom prst="rect">
              <a:avLst/>
            </a:prstGeom>
          </p:spPr>
        </p:pic>
        <p:pic>
          <p:nvPicPr>
            <p:cNvPr id="6" name="object 6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7184390" y="2359406"/>
              <a:ext cx="81786" cy="77214"/>
            </a:xfrm>
            <a:prstGeom prst="rect">
              <a:avLst/>
            </a:prstGeom>
          </p:spPr>
        </p:pic>
        <p:pic>
          <p:nvPicPr>
            <p:cNvPr id="7" name="object 7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7084314" y="2775966"/>
              <a:ext cx="294131" cy="966216"/>
            </a:xfrm>
            <a:prstGeom prst="rect">
              <a:avLst/>
            </a:prstGeom>
          </p:spPr>
        </p:pic>
        <p:pic>
          <p:nvPicPr>
            <p:cNvPr id="8" name="object 8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5575553" y="2775966"/>
              <a:ext cx="292608" cy="966216"/>
            </a:xfrm>
            <a:prstGeom prst="rect">
              <a:avLst/>
            </a:prstGeom>
          </p:spPr>
        </p:pic>
        <p:pic>
          <p:nvPicPr>
            <p:cNvPr id="9" name="object 9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4083558" y="2775966"/>
              <a:ext cx="277367" cy="966216"/>
            </a:xfrm>
            <a:prstGeom prst="rect">
              <a:avLst/>
            </a:prstGeom>
          </p:spPr>
        </p:pic>
        <p:sp>
          <p:nvSpPr>
            <p:cNvPr id="10" name="object 10"/>
            <p:cNvSpPr/>
            <p:nvPr/>
          </p:nvSpPr>
          <p:spPr>
            <a:xfrm>
              <a:off x="4083558" y="2775966"/>
              <a:ext cx="277495" cy="966469"/>
            </a:xfrm>
            <a:custGeom>
              <a:avLst/>
              <a:gdLst/>
              <a:ahLst/>
              <a:cxnLst/>
              <a:rect l="l" t="t" r="r" b="b"/>
              <a:pathLst>
                <a:path w="277495" h="966470">
                  <a:moveTo>
                    <a:pt x="0" y="966216"/>
                  </a:moveTo>
                  <a:lnTo>
                    <a:pt x="277367" y="966216"/>
                  </a:lnTo>
                  <a:lnTo>
                    <a:pt x="277367" y="0"/>
                  </a:lnTo>
                  <a:lnTo>
                    <a:pt x="0" y="0"/>
                  </a:lnTo>
                  <a:lnTo>
                    <a:pt x="0" y="966216"/>
                  </a:lnTo>
                  <a:close/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1" name="object 11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02436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30" dirty="0">
                <a:latin typeface="Verdana"/>
                <a:cs typeface="Verdana"/>
              </a:rPr>
              <a:t>Genera</a:t>
            </a:r>
            <a:r>
              <a:rPr sz="3600" spc="15" dirty="0">
                <a:latin typeface="Verdana"/>
                <a:cs typeface="Verdana"/>
              </a:rPr>
              <a:t>l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200" dirty="0">
                <a:latin typeface="Verdana"/>
                <a:cs typeface="Verdana"/>
              </a:rPr>
              <a:t>Stru</a:t>
            </a:r>
            <a:r>
              <a:rPr sz="3600" spc="-204" dirty="0">
                <a:latin typeface="Verdana"/>
                <a:cs typeface="Verdana"/>
              </a:rPr>
              <a:t>c</a:t>
            </a:r>
            <a:r>
              <a:rPr sz="3600" spc="-140" dirty="0">
                <a:latin typeface="Verdana"/>
                <a:cs typeface="Verdana"/>
              </a:rPr>
              <a:t>ture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15" dirty="0">
                <a:latin typeface="Verdana"/>
                <a:cs typeface="Verdana"/>
              </a:rPr>
              <a:t>of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30" dirty="0">
                <a:latin typeface="Verdana"/>
                <a:cs typeface="Verdana"/>
              </a:rPr>
              <a:t>Pi</a:t>
            </a:r>
            <a:r>
              <a:rPr sz="3600" spc="-35" dirty="0">
                <a:latin typeface="Verdana"/>
                <a:cs typeface="Verdana"/>
              </a:rPr>
              <a:t>p</a:t>
            </a:r>
            <a:r>
              <a:rPr sz="3600" spc="-50" dirty="0">
                <a:latin typeface="Verdana"/>
                <a:cs typeface="Verdana"/>
              </a:rPr>
              <a:t>elin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12" name="object 12"/>
          <p:cNvSpPr txBox="1"/>
          <p:nvPr/>
        </p:nvSpPr>
        <p:spPr>
          <a:xfrm>
            <a:off x="4083558" y="2775966"/>
            <a:ext cx="277495" cy="966469"/>
          </a:xfrm>
          <a:prstGeom prst="rect">
            <a:avLst/>
          </a:prstGeom>
          <a:ln w="25398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30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  <a:spcBef>
                <a:spcPts val="5"/>
              </a:spcBef>
            </a:pPr>
            <a:endParaRPr sz="1350">
              <a:latin typeface="Times New Roman"/>
              <a:cs typeface="Times New Roman"/>
            </a:endParaRPr>
          </a:p>
          <a:p>
            <a:pPr marL="31115">
              <a:lnSpc>
                <a:spcPct val="100000"/>
              </a:lnSpc>
            </a:pPr>
            <a:r>
              <a:rPr sz="1200" spc="-10" dirty="0">
                <a:latin typeface="Arial MT"/>
                <a:cs typeface="Arial MT"/>
              </a:rPr>
              <a:t>R1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13" name="object 13"/>
          <p:cNvSpPr/>
          <p:nvPr/>
        </p:nvSpPr>
        <p:spPr>
          <a:xfrm>
            <a:off x="2879344" y="3228593"/>
            <a:ext cx="1196975" cy="59690"/>
          </a:xfrm>
          <a:custGeom>
            <a:avLst/>
            <a:gdLst/>
            <a:ahLst/>
            <a:cxnLst/>
            <a:rect l="l" t="t" r="r" b="b"/>
            <a:pathLst>
              <a:path w="1196975" h="59689">
                <a:moveTo>
                  <a:pt x="302006" y="24384"/>
                </a:moveTo>
                <a:lnTo>
                  <a:pt x="276885" y="12446"/>
                </a:lnTo>
                <a:lnTo>
                  <a:pt x="250698" y="0"/>
                </a:lnTo>
                <a:lnTo>
                  <a:pt x="250952" y="12712"/>
                </a:lnTo>
                <a:lnTo>
                  <a:pt x="0" y="17780"/>
                </a:lnTo>
                <a:lnTo>
                  <a:pt x="508" y="43180"/>
                </a:lnTo>
                <a:lnTo>
                  <a:pt x="251460" y="38112"/>
                </a:lnTo>
                <a:lnTo>
                  <a:pt x="251714" y="50800"/>
                </a:lnTo>
                <a:lnTo>
                  <a:pt x="302006" y="24384"/>
                </a:lnTo>
                <a:close/>
              </a:path>
              <a:path w="1196975" h="59689">
                <a:moveTo>
                  <a:pt x="1171257" y="47244"/>
                </a:moveTo>
                <a:lnTo>
                  <a:pt x="1158367" y="47244"/>
                </a:lnTo>
                <a:lnTo>
                  <a:pt x="1145590" y="47244"/>
                </a:lnTo>
                <a:lnTo>
                  <a:pt x="1145413" y="59690"/>
                </a:lnTo>
                <a:lnTo>
                  <a:pt x="1171257" y="47244"/>
                </a:lnTo>
                <a:close/>
              </a:path>
              <a:path w="1196975" h="59689">
                <a:moveTo>
                  <a:pt x="1196594" y="35052"/>
                </a:moveTo>
                <a:lnTo>
                  <a:pt x="1146175" y="8890"/>
                </a:lnTo>
                <a:lnTo>
                  <a:pt x="1145971" y="21678"/>
                </a:lnTo>
                <a:lnTo>
                  <a:pt x="867537" y="17780"/>
                </a:lnTo>
                <a:lnTo>
                  <a:pt x="867283" y="43180"/>
                </a:lnTo>
                <a:lnTo>
                  <a:pt x="1145590" y="47066"/>
                </a:lnTo>
                <a:lnTo>
                  <a:pt x="1158367" y="47066"/>
                </a:lnTo>
                <a:lnTo>
                  <a:pt x="1171625" y="47066"/>
                </a:lnTo>
                <a:lnTo>
                  <a:pt x="1196594" y="35052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4" name="object 14"/>
          <p:cNvSpPr txBox="1"/>
          <p:nvPr/>
        </p:nvSpPr>
        <p:spPr>
          <a:xfrm>
            <a:off x="3201161" y="2775966"/>
            <a:ext cx="533400" cy="966469"/>
          </a:xfrm>
          <a:prstGeom prst="rect">
            <a:avLst/>
          </a:prstGeom>
          <a:ln w="25400">
            <a:solidFill>
              <a:srgbClr val="B83C68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700">
              <a:latin typeface="Times New Roman"/>
              <a:cs typeface="Times New Roman"/>
            </a:endParaRPr>
          </a:p>
          <a:p>
            <a:pPr marL="157480">
              <a:lnSpc>
                <a:spcPct val="100000"/>
              </a:lnSpc>
              <a:spcBef>
                <a:spcPts val="1100"/>
              </a:spcBef>
            </a:pPr>
            <a:r>
              <a:rPr sz="1200" dirty="0">
                <a:latin typeface="Arial MT"/>
                <a:cs typeface="Arial MT"/>
              </a:rPr>
              <a:t>S</a:t>
            </a:r>
            <a:r>
              <a:rPr sz="1200" spc="-135" dirty="0">
                <a:latin typeface="Arial MT"/>
                <a:cs typeface="Arial MT"/>
              </a:rPr>
              <a:t> </a:t>
            </a:r>
            <a:r>
              <a:rPr sz="1800" spc="-7" baseline="-18518" dirty="0">
                <a:latin typeface="Arial MT"/>
                <a:cs typeface="Arial MT"/>
              </a:rPr>
              <a:t>1</a:t>
            </a:r>
            <a:endParaRPr sz="1800" baseline="-18518">
              <a:latin typeface="Arial MT"/>
              <a:cs typeface="Arial MT"/>
            </a:endParaRPr>
          </a:p>
        </p:txBody>
      </p:sp>
      <p:sp>
        <p:nvSpPr>
          <p:cNvPr id="15" name="object 15"/>
          <p:cNvSpPr txBox="1"/>
          <p:nvPr/>
        </p:nvSpPr>
        <p:spPr>
          <a:xfrm>
            <a:off x="4709921" y="2775966"/>
            <a:ext cx="532130" cy="966469"/>
          </a:xfrm>
          <a:prstGeom prst="rect">
            <a:avLst/>
          </a:prstGeom>
          <a:ln w="25400">
            <a:solidFill>
              <a:srgbClr val="B83C68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700">
              <a:latin typeface="Times New Roman"/>
              <a:cs typeface="Times New Roman"/>
            </a:endParaRPr>
          </a:p>
          <a:p>
            <a:pPr marL="158750">
              <a:lnSpc>
                <a:spcPct val="100000"/>
              </a:lnSpc>
              <a:spcBef>
                <a:spcPts val="1100"/>
              </a:spcBef>
            </a:pPr>
            <a:r>
              <a:rPr sz="1200" spc="30" dirty="0">
                <a:latin typeface="Arial MT"/>
                <a:cs typeface="Arial MT"/>
              </a:rPr>
              <a:t>S</a:t>
            </a:r>
            <a:r>
              <a:rPr sz="1800" spc="44" baseline="-18518" dirty="0">
                <a:latin typeface="Arial MT"/>
                <a:cs typeface="Arial MT"/>
              </a:rPr>
              <a:t>2</a:t>
            </a:r>
            <a:endParaRPr sz="1800" baseline="-18518">
              <a:latin typeface="Arial MT"/>
              <a:cs typeface="Arial MT"/>
            </a:endParaRPr>
          </a:p>
        </p:txBody>
      </p:sp>
      <p:sp>
        <p:nvSpPr>
          <p:cNvPr id="16" name="object 16"/>
          <p:cNvSpPr/>
          <p:nvPr/>
        </p:nvSpPr>
        <p:spPr>
          <a:xfrm>
            <a:off x="4374388" y="3228466"/>
            <a:ext cx="1196975" cy="64135"/>
          </a:xfrm>
          <a:custGeom>
            <a:avLst/>
            <a:gdLst/>
            <a:ahLst/>
            <a:cxnLst/>
            <a:rect l="l" t="t" r="r" b="b"/>
            <a:pathLst>
              <a:path w="1196975" h="64135">
                <a:moveTo>
                  <a:pt x="340106" y="24511"/>
                </a:moveTo>
                <a:lnTo>
                  <a:pt x="314845" y="12446"/>
                </a:lnTo>
                <a:lnTo>
                  <a:pt x="288798" y="0"/>
                </a:lnTo>
                <a:lnTo>
                  <a:pt x="289039" y="12687"/>
                </a:lnTo>
                <a:lnTo>
                  <a:pt x="0" y="17907"/>
                </a:lnTo>
                <a:lnTo>
                  <a:pt x="508" y="43307"/>
                </a:lnTo>
                <a:lnTo>
                  <a:pt x="289547" y="38087"/>
                </a:lnTo>
                <a:lnTo>
                  <a:pt x="289814" y="50800"/>
                </a:lnTo>
                <a:lnTo>
                  <a:pt x="340106" y="24511"/>
                </a:lnTo>
                <a:close/>
              </a:path>
              <a:path w="1196975" h="64135">
                <a:moveTo>
                  <a:pt x="1171625" y="51308"/>
                </a:moveTo>
                <a:lnTo>
                  <a:pt x="1158113" y="51308"/>
                </a:lnTo>
                <a:lnTo>
                  <a:pt x="1145400" y="51308"/>
                </a:lnTo>
                <a:lnTo>
                  <a:pt x="1145032" y="63627"/>
                </a:lnTo>
                <a:lnTo>
                  <a:pt x="1171625" y="51308"/>
                </a:lnTo>
                <a:close/>
              </a:path>
              <a:path w="1196975" h="64135">
                <a:moveTo>
                  <a:pt x="1196594" y="39751"/>
                </a:moveTo>
                <a:lnTo>
                  <a:pt x="1146556" y="12954"/>
                </a:lnTo>
                <a:lnTo>
                  <a:pt x="1146175" y="25552"/>
                </a:lnTo>
                <a:lnTo>
                  <a:pt x="879983" y="17907"/>
                </a:lnTo>
                <a:lnTo>
                  <a:pt x="879221" y="43307"/>
                </a:lnTo>
                <a:lnTo>
                  <a:pt x="1145413" y="50952"/>
                </a:lnTo>
                <a:lnTo>
                  <a:pt x="1158113" y="50952"/>
                </a:lnTo>
                <a:lnTo>
                  <a:pt x="1172413" y="50952"/>
                </a:lnTo>
                <a:lnTo>
                  <a:pt x="1196594" y="39751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7" name="object 17"/>
          <p:cNvSpPr txBox="1"/>
          <p:nvPr/>
        </p:nvSpPr>
        <p:spPr>
          <a:xfrm>
            <a:off x="5575553" y="2775966"/>
            <a:ext cx="292735" cy="966469"/>
          </a:xfrm>
          <a:prstGeom prst="rect">
            <a:avLst/>
          </a:prstGeom>
          <a:ln w="25398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30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  <a:spcBef>
                <a:spcPts val="50"/>
              </a:spcBef>
            </a:pPr>
            <a:endParaRPr sz="1650">
              <a:latin typeface="Times New Roman"/>
              <a:cs typeface="Times New Roman"/>
            </a:endParaRPr>
          </a:p>
          <a:p>
            <a:pPr marL="33655">
              <a:lnSpc>
                <a:spcPct val="100000"/>
              </a:lnSpc>
            </a:pPr>
            <a:r>
              <a:rPr sz="1200" spc="-10" dirty="0">
                <a:latin typeface="Arial MT"/>
                <a:cs typeface="Arial MT"/>
              </a:rPr>
              <a:t>R2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18" name="object 18"/>
          <p:cNvSpPr txBox="1"/>
          <p:nvPr/>
        </p:nvSpPr>
        <p:spPr>
          <a:xfrm>
            <a:off x="6217158" y="2775966"/>
            <a:ext cx="518159" cy="966469"/>
          </a:xfrm>
          <a:prstGeom prst="rect">
            <a:avLst/>
          </a:prstGeom>
          <a:ln w="25400">
            <a:solidFill>
              <a:srgbClr val="B83C68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700">
              <a:latin typeface="Times New Roman"/>
              <a:cs typeface="Times New Roman"/>
            </a:endParaRPr>
          </a:p>
          <a:p>
            <a:pPr marL="146685">
              <a:lnSpc>
                <a:spcPct val="100000"/>
              </a:lnSpc>
              <a:spcBef>
                <a:spcPts val="1100"/>
              </a:spcBef>
            </a:pPr>
            <a:r>
              <a:rPr sz="1200" dirty="0">
                <a:latin typeface="Arial MT"/>
                <a:cs typeface="Arial MT"/>
              </a:rPr>
              <a:t>S</a:t>
            </a:r>
            <a:r>
              <a:rPr sz="1200" spc="-150" dirty="0">
                <a:latin typeface="Arial MT"/>
                <a:cs typeface="Arial MT"/>
              </a:rPr>
              <a:t> </a:t>
            </a:r>
            <a:r>
              <a:rPr sz="1800" spc="-7" baseline="-18518" dirty="0">
                <a:latin typeface="Arial MT"/>
                <a:cs typeface="Arial MT"/>
              </a:rPr>
              <a:t>3</a:t>
            </a:r>
            <a:endParaRPr sz="1800" baseline="-18518">
              <a:latin typeface="Arial MT"/>
              <a:cs typeface="Arial MT"/>
            </a:endParaRPr>
          </a:p>
        </p:txBody>
      </p:sp>
      <p:sp>
        <p:nvSpPr>
          <p:cNvPr id="19" name="object 19"/>
          <p:cNvSpPr/>
          <p:nvPr/>
        </p:nvSpPr>
        <p:spPr>
          <a:xfrm>
            <a:off x="5884926" y="3233673"/>
            <a:ext cx="1190625" cy="50800"/>
          </a:xfrm>
          <a:custGeom>
            <a:avLst/>
            <a:gdLst/>
            <a:ahLst/>
            <a:cxnLst/>
            <a:rect l="l" t="t" r="r" b="b"/>
            <a:pathLst>
              <a:path w="1190625" h="50800">
                <a:moveTo>
                  <a:pt x="323088" y="25400"/>
                </a:moveTo>
                <a:lnTo>
                  <a:pt x="297688" y="12700"/>
                </a:lnTo>
                <a:lnTo>
                  <a:pt x="272288" y="0"/>
                </a:lnTo>
                <a:lnTo>
                  <a:pt x="272288" y="12700"/>
                </a:lnTo>
                <a:lnTo>
                  <a:pt x="0" y="12700"/>
                </a:lnTo>
                <a:lnTo>
                  <a:pt x="0" y="38100"/>
                </a:lnTo>
                <a:lnTo>
                  <a:pt x="272288" y="38100"/>
                </a:lnTo>
                <a:lnTo>
                  <a:pt x="272288" y="50800"/>
                </a:lnTo>
                <a:lnTo>
                  <a:pt x="297688" y="38100"/>
                </a:lnTo>
                <a:lnTo>
                  <a:pt x="323088" y="25400"/>
                </a:lnTo>
                <a:close/>
              </a:path>
              <a:path w="1190625" h="50800">
                <a:moveTo>
                  <a:pt x="1190244" y="25400"/>
                </a:moveTo>
                <a:lnTo>
                  <a:pt x="1164844" y="12700"/>
                </a:lnTo>
                <a:lnTo>
                  <a:pt x="1139444" y="0"/>
                </a:lnTo>
                <a:lnTo>
                  <a:pt x="1139444" y="12700"/>
                </a:lnTo>
                <a:lnTo>
                  <a:pt x="864108" y="12700"/>
                </a:lnTo>
                <a:lnTo>
                  <a:pt x="864108" y="38100"/>
                </a:lnTo>
                <a:lnTo>
                  <a:pt x="1139444" y="38100"/>
                </a:lnTo>
                <a:lnTo>
                  <a:pt x="1139444" y="50800"/>
                </a:lnTo>
                <a:lnTo>
                  <a:pt x="1164844" y="38100"/>
                </a:lnTo>
                <a:lnTo>
                  <a:pt x="1190244" y="2540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0" name="object 20"/>
          <p:cNvSpPr txBox="1"/>
          <p:nvPr/>
        </p:nvSpPr>
        <p:spPr>
          <a:xfrm>
            <a:off x="7084314" y="2775966"/>
            <a:ext cx="294640" cy="966469"/>
          </a:xfrm>
          <a:prstGeom prst="rect">
            <a:avLst/>
          </a:prstGeom>
          <a:ln w="25398">
            <a:solidFill>
              <a:srgbClr val="000000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300">
              <a:latin typeface="Times New Roman"/>
              <a:cs typeface="Times New Roman"/>
            </a:endParaRPr>
          </a:p>
          <a:p>
            <a:pPr>
              <a:lnSpc>
                <a:spcPct val="100000"/>
              </a:lnSpc>
              <a:spcBef>
                <a:spcPts val="50"/>
              </a:spcBef>
            </a:pPr>
            <a:endParaRPr sz="1650">
              <a:latin typeface="Times New Roman"/>
              <a:cs typeface="Times New Roman"/>
            </a:endParaRPr>
          </a:p>
          <a:p>
            <a:pPr marL="48895">
              <a:lnSpc>
                <a:spcPct val="100000"/>
              </a:lnSpc>
            </a:pPr>
            <a:r>
              <a:rPr sz="1200" spc="-10" dirty="0">
                <a:latin typeface="Arial MT"/>
                <a:cs typeface="Arial MT"/>
              </a:rPr>
              <a:t>R3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21" name="object 21"/>
          <p:cNvSpPr txBox="1"/>
          <p:nvPr/>
        </p:nvSpPr>
        <p:spPr>
          <a:xfrm>
            <a:off x="7727442" y="2775966"/>
            <a:ext cx="516890" cy="966469"/>
          </a:xfrm>
          <a:prstGeom prst="rect">
            <a:avLst/>
          </a:prstGeom>
          <a:ln w="25400">
            <a:solidFill>
              <a:srgbClr val="B83C68"/>
            </a:solidFill>
          </a:ln>
        </p:spPr>
        <p:txBody>
          <a:bodyPr vert="horz" wrap="square" lIns="0" tIns="0" rIns="0" bIns="0" rtlCol="0">
            <a:spAutoFit/>
          </a:bodyPr>
          <a:lstStyle/>
          <a:p>
            <a:pPr>
              <a:lnSpc>
                <a:spcPct val="100000"/>
              </a:lnSpc>
            </a:pPr>
            <a:endParaRPr sz="1700">
              <a:latin typeface="Times New Roman"/>
              <a:cs typeface="Times New Roman"/>
            </a:endParaRPr>
          </a:p>
          <a:p>
            <a:pPr marL="144145">
              <a:lnSpc>
                <a:spcPct val="100000"/>
              </a:lnSpc>
              <a:spcBef>
                <a:spcPts val="1100"/>
              </a:spcBef>
            </a:pPr>
            <a:r>
              <a:rPr sz="1200" dirty="0">
                <a:latin typeface="Arial MT"/>
                <a:cs typeface="Arial MT"/>
              </a:rPr>
              <a:t>S</a:t>
            </a:r>
            <a:r>
              <a:rPr sz="1200" spc="-150" dirty="0">
                <a:latin typeface="Arial MT"/>
                <a:cs typeface="Arial MT"/>
              </a:rPr>
              <a:t> </a:t>
            </a:r>
            <a:r>
              <a:rPr sz="1800" spc="-7" baseline="-18518" dirty="0">
                <a:latin typeface="Arial MT"/>
                <a:cs typeface="Arial MT"/>
              </a:rPr>
              <a:t>4</a:t>
            </a:r>
            <a:endParaRPr sz="1800" baseline="-18518">
              <a:latin typeface="Arial MT"/>
              <a:cs typeface="Arial MT"/>
            </a:endParaRPr>
          </a:p>
        </p:txBody>
      </p:sp>
      <p:grpSp>
        <p:nvGrpSpPr>
          <p:cNvPr id="22" name="object 22"/>
          <p:cNvGrpSpPr/>
          <p:nvPr/>
        </p:nvGrpSpPr>
        <p:grpSpPr>
          <a:xfrm>
            <a:off x="2866898" y="2388361"/>
            <a:ext cx="5725160" cy="900430"/>
            <a:chOff x="2866898" y="2388361"/>
            <a:chExt cx="5725160" cy="900430"/>
          </a:xfrm>
        </p:grpSpPr>
        <p:sp>
          <p:nvSpPr>
            <p:cNvPr id="23" name="object 23"/>
            <p:cNvSpPr/>
            <p:nvPr/>
          </p:nvSpPr>
          <p:spPr>
            <a:xfrm>
              <a:off x="7392035" y="3233673"/>
              <a:ext cx="1199515" cy="54610"/>
            </a:xfrm>
            <a:custGeom>
              <a:avLst/>
              <a:gdLst/>
              <a:ahLst/>
              <a:cxnLst/>
              <a:rect l="l" t="t" r="r" b="b"/>
              <a:pathLst>
                <a:path w="1199515" h="54610">
                  <a:moveTo>
                    <a:pt x="287210" y="42164"/>
                  </a:moveTo>
                  <a:lnTo>
                    <a:pt x="274320" y="42164"/>
                  </a:lnTo>
                  <a:lnTo>
                    <a:pt x="261543" y="42164"/>
                  </a:lnTo>
                  <a:lnTo>
                    <a:pt x="261366" y="54610"/>
                  </a:lnTo>
                  <a:lnTo>
                    <a:pt x="287210" y="42164"/>
                  </a:lnTo>
                  <a:close/>
                </a:path>
                <a:path w="1199515" h="54610">
                  <a:moveTo>
                    <a:pt x="312547" y="29972"/>
                  </a:moveTo>
                  <a:lnTo>
                    <a:pt x="262128" y="3810"/>
                  </a:lnTo>
                  <a:lnTo>
                    <a:pt x="261924" y="16586"/>
                  </a:lnTo>
                  <a:lnTo>
                    <a:pt x="254" y="12700"/>
                  </a:lnTo>
                  <a:lnTo>
                    <a:pt x="0" y="38100"/>
                  </a:lnTo>
                  <a:lnTo>
                    <a:pt x="261543" y="41986"/>
                  </a:lnTo>
                  <a:lnTo>
                    <a:pt x="274320" y="41986"/>
                  </a:lnTo>
                  <a:lnTo>
                    <a:pt x="287604" y="41986"/>
                  </a:lnTo>
                  <a:lnTo>
                    <a:pt x="312547" y="29972"/>
                  </a:lnTo>
                  <a:close/>
                </a:path>
                <a:path w="1199515" h="54610">
                  <a:moveTo>
                    <a:pt x="1199515" y="25400"/>
                  </a:moveTo>
                  <a:lnTo>
                    <a:pt x="1174115" y="12700"/>
                  </a:lnTo>
                  <a:lnTo>
                    <a:pt x="1148715" y="0"/>
                  </a:lnTo>
                  <a:lnTo>
                    <a:pt x="1148715" y="12700"/>
                  </a:lnTo>
                  <a:lnTo>
                    <a:pt x="865759" y="12700"/>
                  </a:lnTo>
                  <a:lnTo>
                    <a:pt x="865759" y="38100"/>
                  </a:lnTo>
                  <a:lnTo>
                    <a:pt x="1148715" y="38100"/>
                  </a:lnTo>
                  <a:lnTo>
                    <a:pt x="1148715" y="50800"/>
                  </a:lnTo>
                  <a:lnTo>
                    <a:pt x="1174115" y="38100"/>
                  </a:lnTo>
                  <a:lnTo>
                    <a:pt x="1199515" y="25400"/>
                  </a:lnTo>
                  <a:close/>
                </a:path>
              </a:pathLst>
            </a:custGeom>
            <a:solidFill>
              <a:srgbClr val="00000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4" name="object 24"/>
            <p:cNvSpPr/>
            <p:nvPr/>
          </p:nvSpPr>
          <p:spPr>
            <a:xfrm>
              <a:off x="2879598" y="2401061"/>
              <a:ext cx="4373880" cy="363220"/>
            </a:xfrm>
            <a:custGeom>
              <a:avLst/>
              <a:gdLst/>
              <a:ahLst/>
              <a:cxnLst/>
              <a:rect l="l" t="t" r="r" b="b"/>
              <a:pathLst>
                <a:path w="4373880" h="363219">
                  <a:moveTo>
                    <a:pt x="0" y="3048"/>
                  </a:moveTo>
                  <a:lnTo>
                    <a:pt x="4373880" y="9143"/>
                  </a:lnTo>
                </a:path>
                <a:path w="4373880" h="363219">
                  <a:moveTo>
                    <a:pt x="1348739" y="362712"/>
                  </a:moveTo>
                  <a:lnTo>
                    <a:pt x="1348739" y="0"/>
                  </a:lnTo>
                </a:path>
                <a:path w="4373880" h="363219">
                  <a:moveTo>
                    <a:pt x="4351020" y="362712"/>
                  </a:moveTo>
                  <a:lnTo>
                    <a:pt x="4351020" y="0"/>
                  </a:lnTo>
                </a:path>
                <a:path w="4373880" h="363219">
                  <a:moveTo>
                    <a:pt x="2836164" y="362712"/>
                  </a:moveTo>
                  <a:lnTo>
                    <a:pt x="2836164" y="0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5" name="object 25"/>
          <p:cNvSpPr txBox="1"/>
          <p:nvPr/>
        </p:nvSpPr>
        <p:spPr>
          <a:xfrm>
            <a:off x="2379726" y="3107563"/>
            <a:ext cx="36639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</a:t>
            </a:r>
            <a:r>
              <a:rPr sz="1200" spc="5" dirty="0">
                <a:latin typeface="Arial MT"/>
                <a:cs typeface="Arial MT"/>
              </a:rPr>
              <a:t>n</a:t>
            </a:r>
            <a:r>
              <a:rPr sz="1200" spc="-5" dirty="0">
                <a:latin typeface="Arial MT"/>
                <a:cs typeface="Arial MT"/>
              </a:rPr>
              <a:t>pu</a:t>
            </a:r>
            <a:r>
              <a:rPr sz="1200" dirty="0">
                <a:latin typeface="Arial MT"/>
                <a:cs typeface="Arial MT"/>
              </a:rPr>
              <a:t>t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26" name="object 26"/>
          <p:cNvSpPr txBox="1"/>
          <p:nvPr/>
        </p:nvSpPr>
        <p:spPr>
          <a:xfrm>
            <a:off x="2319654" y="2246121"/>
            <a:ext cx="40640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C</a:t>
            </a:r>
            <a:r>
              <a:rPr sz="1200" spc="-10" dirty="0">
                <a:latin typeface="Arial MT"/>
                <a:cs typeface="Arial MT"/>
              </a:rPr>
              <a:t>l</a:t>
            </a:r>
            <a:r>
              <a:rPr sz="1200" spc="-5" dirty="0">
                <a:latin typeface="Arial MT"/>
                <a:cs typeface="Arial MT"/>
              </a:rPr>
              <a:t>o</a:t>
            </a:r>
            <a:r>
              <a:rPr sz="1200" dirty="0">
                <a:latin typeface="Arial MT"/>
                <a:cs typeface="Arial MT"/>
              </a:rPr>
              <a:t>ck</a:t>
            </a:r>
            <a:endParaRPr sz="1200">
              <a:latin typeface="Arial MT"/>
              <a:cs typeface="Arial MT"/>
            </a:endParaRPr>
          </a:p>
        </p:txBody>
      </p:sp>
      <p:graphicFrame>
        <p:nvGraphicFramePr>
          <p:cNvPr id="27" name="object 27"/>
          <p:cNvGraphicFramePr>
            <a:graphicFrameLocks noGrp="1"/>
          </p:cNvGraphicFramePr>
          <p:nvPr/>
        </p:nvGraphicFramePr>
        <p:xfrm>
          <a:off x="3481070" y="4084574"/>
          <a:ext cx="1650363" cy="295656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14655"/>
                <a:gridCol w="407034"/>
                <a:gridCol w="423544"/>
                <a:gridCol w="405130"/>
              </a:tblGrid>
              <a:tr h="295656">
                <a:tc>
                  <a:txBody>
                    <a:bodyPr/>
                    <a:lstStyle/>
                    <a:p>
                      <a:pPr marL="123825">
                        <a:lnSpc>
                          <a:spcPct val="100000"/>
                        </a:lnSpc>
                        <a:spcBef>
                          <a:spcPts val="64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191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0010">
                        <a:lnSpc>
                          <a:spcPct val="100000"/>
                        </a:lnSpc>
                        <a:spcBef>
                          <a:spcPts val="64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191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1440">
                        <a:lnSpc>
                          <a:spcPct val="100000"/>
                        </a:lnSpc>
                        <a:spcBef>
                          <a:spcPts val="64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191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71755">
                        <a:lnSpc>
                          <a:spcPct val="100000"/>
                        </a:lnSpc>
                        <a:spcBef>
                          <a:spcPts val="64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191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</a:tbl>
          </a:graphicData>
        </a:graphic>
      </p:graphicFrame>
      <p:graphicFrame>
        <p:nvGraphicFramePr>
          <p:cNvPr id="28" name="object 28"/>
          <p:cNvGraphicFramePr>
            <a:graphicFrameLocks noGrp="1"/>
          </p:cNvGraphicFramePr>
          <p:nvPr/>
        </p:nvGraphicFramePr>
        <p:xfrm>
          <a:off x="5131562" y="4462526"/>
          <a:ext cx="1675128" cy="277368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37515"/>
                <a:gridCol w="407034"/>
                <a:gridCol w="407034"/>
                <a:gridCol w="423545"/>
              </a:tblGrid>
              <a:tr h="277368">
                <a:tc>
                  <a:txBody>
                    <a:bodyPr/>
                    <a:lstStyle/>
                    <a:p>
                      <a:pPr marL="142240">
                        <a:lnSpc>
                          <a:spcPct val="100000"/>
                        </a:lnSpc>
                        <a:spcBef>
                          <a:spcPts val="51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5404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5250">
                        <a:lnSpc>
                          <a:spcPct val="100000"/>
                        </a:lnSpc>
                        <a:spcBef>
                          <a:spcPts val="51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5404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6995">
                        <a:lnSpc>
                          <a:spcPct val="100000"/>
                        </a:lnSpc>
                        <a:spcBef>
                          <a:spcPts val="51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5404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9535">
                        <a:lnSpc>
                          <a:spcPct val="100000"/>
                        </a:lnSpc>
                        <a:spcBef>
                          <a:spcPts val="51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5404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</a:tbl>
          </a:graphicData>
        </a:graphic>
      </p:graphicFrame>
      <p:graphicFrame>
        <p:nvGraphicFramePr>
          <p:cNvPr id="29" name="object 29"/>
          <p:cNvGraphicFramePr>
            <a:graphicFrameLocks noGrp="1"/>
          </p:cNvGraphicFramePr>
          <p:nvPr/>
        </p:nvGraphicFramePr>
        <p:xfrm>
          <a:off x="6817106" y="4817618"/>
          <a:ext cx="1646552" cy="295656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25450"/>
                <a:gridCol w="407034"/>
                <a:gridCol w="407034"/>
                <a:gridCol w="407034"/>
              </a:tblGrid>
              <a:tr h="295656">
                <a:tc>
                  <a:txBody>
                    <a:bodyPr/>
                    <a:lstStyle/>
                    <a:p>
                      <a:pPr marL="118745">
                        <a:lnSpc>
                          <a:spcPct val="100000"/>
                        </a:lnSpc>
                        <a:spcBef>
                          <a:spcPts val="65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318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67310">
                        <a:lnSpc>
                          <a:spcPct val="100000"/>
                        </a:lnSpc>
                        <a:spcBef>
                          <a:spcPts val="65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318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8265">
                        <a:lnSpc>
                          <a:spcPct val="100000"/>
                        </a:lnSpc>
                        <a:spcBef>
                          <a:spcPts val="65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318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5090">
                        <a:lnSpc>
                          <a:spcPct val="100000"/>
                        </a:lnSpc>
                        <a:spcBef>
                          <a:spcPts val="655"/>
                        </a:spcBef>
                      </a:pPr>
                      <a:r>
                        <a:rPr sz="1200" spc="5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318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</a:tbl>
          </a:graphicData>
        </a:graphic>
      </p:graphicFrame>
      <p:sp>
        <p:nvSpPr>
          <p:cNvPr id="30" name="object 30"/>
          <p:cNvSpPr txBox="1"/>
          <p:nvPr/>
        </p:nvSpPr>
        <p:spPr>
          <a:xfrm>
            <a:off x="3315970" y="4141978"/>
            <a:ext cx="5969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1" name="object 31"/>
          <p:cNvSpPr txBox="1"/>
          <p:nvPr/>
        </p:nvSpPr>
        <p:spPr>
          <a:xfrm>
            <a:off x="4826889" y="4513579"/>
            <a:ext cx="23241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r>
              <a:rPr sz="1200" spc="-15" dirty="0">
                <a:latin typeface="Arial MT"/>
                <a:cs typeface="Arial MT"/>
              </a:rPr>
              <a:t>+</a:t>
            </a:r>
            <a:r>
              <a:rPr sz="1200" spc="-5" dirty="0">
                <a:latin typeface="Arial MT"/>
                <a:cs typeface="Arial MT"/>
              </a:rPr>
              <a:t>1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2" name="object 32"/>
          <p:cNvSpPr txBox="1"/>
          <p:nvPr/>
        </p:nvSpPr>
        <p:spPr>
          <a:xfrm>
            <a:off x="6503034" y="4876292"/>
            <a:ext cx="23241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r>
              <a:rPr sz="1200" spc="-15" dirty="0">
                <a:latin typeface="Arial MT"/>
                <a:cs typeface="Arial MT"/>
              </a:rPr>
              <a:t>+</a:t>
            </a:r>
            <a:r>
              <a:rPr sz="1200" spc="-5" dirty="0">
                <a:latin typeface="Arial MT"/>
                <a:cs typeface="Arial MT"/>
              </a:rPr>
              <a:t>2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3" name="object 33"/>
          <p:cNvSpPr txBox="1"/>
          <p:nvPr/>
        </p:nvSpPr>
        <p:spPr>
          <a:xfrm>
            <a:off x="4526026" y="5565444"/>
            <a:ext cx="1619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4" name="object 34"/>
          <p:cNvSpPr/>
          <p:nvPr/>
        </p:nvSpPr>
        <p:spPr>
          <a:xfrm>
            <a:off x="4386834" y="5487161"/>
            <a:ext cx="2258695" cy="353695"/>
          </a:xfrm>
          <a:custGeom>
            <a:avLst/>
            <a:gdLst/>
            <a:ahLst/>
            <a:cxnLst/>
            <a:rect l="l" t="t" r="r" b="b"/>
            <a:pathLst>
              <a:path w="2258695" h="353695">
                <a:moveTo>
                  <a:pt x="18287" y="4571"/>
                </a:moveTo>
                <a:lnTo>
                  <a:pt x="2258567" y="4571"/>
                </a:lnTo>
              </a:path>
              <a:path w="2258695" h="353695">
                <a:moveTo>
                  <a:pt x="0" y="330707"/>
                </a:moveTo>
                <a:lnTo>
                  <a:pt x="2238756" y="330707"/>
                </a:lnTo>
              </a:path>
              <a:path w="2258695" h="353695">
                <a:moveTo>
                  <a:pt x="574548" y="0"/>
                </a:moveTo>
                <a:lnTo>
                  <a:pt x="574548" y="330707"/>
                </a:lnTo>
              </a:path>
              <a:path w="2258695" h="353695">
                <a:moveTo>
                  <a:pt x="1127760" y="0"/>
                </a:moveTo>
                <a:lnTo>
                  <a:pt x="1127760" y="330707"/>
                </a:lnTo>
              </a:path>
              <a:path w="2258695" h="353695">
                <a:moveTo>
                  <a:pt x="1702307" y="0"/>
                </a:moveTo>
                <a:lnTo>
                  <a:pt x="1702307" y="330707"/>
                </a:lnTo>
              </a:path>
              <a:path w="2258695" h="353695">
                <a:moveTo>
                  <a:pt x="2258567" y="0"/>
                </a:moveTo>
                <a:lnTo>
                  <a:pt x="2258567" y="353568"/>
                </a:lnTo>
              </a:path>
            </a:pathLst>
          </a:custGeom>
          <a:ln w="25398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5" name="object 35"/>
          <p:cNvSpPr txBox="1"/>
          <p:nvPr/>
        </p:nvSpPr>
        <p:spPr>
          <a:xfrm>
            <a:off x="5033264" y="5553252"/>
            <a:ext cx="179070" cy="20891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D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6" name="object 36"/>
          <p:cNvSpPr txBox="1"/>
          <p:nvPr/>
        </p:nvSpPr>
        <p:spPr>
          <a:xfrm>
            <a:off x="5586476" y="5565444"/>
            <a:ext cx="2381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O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7" name="object 37"/>
          <p:cNvSpPr txBox="1"/>
          <p:nvPr/>
        </p:nvSpPr>
        <p:spPr>
          <a:xfrm>
            <a:off x="6142101" y="5565444"/>
            <a:ext cx="22987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EX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8" name="object 38"/>
          <p:cNvSpPr txBox="1"/>
          <p:nvPr/>
        </p:nvSpPr>
        <p:spPr>
          <a:xfrm>
            <a:off x="5076825" y="5951321"/>
            <a:ext cx="1619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39" name="object 39"/>
          <p:cNvSpPr/>
          <p:nvPr/>
        </p:nvSpPr>
        <p:spPr>
          <a:xfrm>
            <a:off x="4941570" y="5872734"/>
            <a:ext cx="2242185" cy="355600"/>
          </a:xfrm>
          <a:custGeom>
            <a:avLst/>
            <a:gdLst/>
            <a:ahLst/>
            <a:cxnLst/>
            <a:rect l="l" t="t" r="r" b="b"/>
            <a:pathLst>
              <a:path w="2242184" h="355600">
                <a:moveTo>
                  <a:pt x="0" y="10667"/>
                </a:moveTo>
                <a:lnTo>
                  <a:pt x="2237231" y="10667"/>
                </a:lnTo>
              </a:path>
              <a:path w="2242184" h="355600">
                <a:moveTo>
                  <a:pt x="0" y="330707"/>
                </a:moveTo>
                <a:lnTo>
                  <a:pt x="2237231" y="330707"/>
                </a:lnTo>
              </a:path>
              <a:path w="2242184" h="355600">
                <a:moveTo>
                  <a:pt x="573024" y="0"/>
                </a:moveTo>
                <a:lnTo>
                  <a:pt x="573024" y="330707"/>
                </a:lnTo>
              </a:path>
              <a:path w="2242184" h="355600">
                <a:moveTo>
                  <a:pt x="1147571" y="0"/>
                </a:moveTo>
                <a:lnTo>
                  <a:pt x="1147571" y="330707"/>
                </a:lnTo>
              </a:path>
              <a:path w="2242184" h="355600">
                <a:moveTo>
                  <a:pt x="1703831" y="0"/>
                </a:moveTo>
                <a:lnTo>
                  <a:pt x="1703831" y="330707"/>
                </a:lnTo>
              </a:path>
              <a:path w="2242184" h="355600">
                <a:moveTo>
                  <a:pt x="2241804" y="0"/>
                </a:moveTo>
                <a:lnTo>
                  <a:pt x="2241804" y="355091"/>
                </a:lnTo>
              </a:path>
            </a:pathLst>
          </a:custGeom>
          <a:ln w="25398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40" name="object 40"/>
          <p:cNvSpPr txBox="1"/>
          <p:nvPr/>
        </p:nvSpPr>
        <p:spPr>
          <a:xfrm>
            <a:off x="5627623" y="5951321"/>
            <a:ext cx="17843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D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1" name="object 41"/>
          <p:cNvSpPr txBox="1"/>
          <p:nvPr/>
        </p:nvSpPr>
        <p:spPr>
          <a:xfrm>
            <a:off x="6163817" y="5951321"/>
            <a:ext cx="2381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O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2" name="object 42"/>
          <p:cNvSpPr txBox="1"/>
          <p:nvPr/>
        </p:nvSpPr>
        <p:spPr>
          <a:xfrm>
            <a:off x="6721856" y="5951321"/>
            <a:ext cx="22987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EX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3" name="object 43"/>
          <p:cNvSpPr txBox="1"/>
          <p:nvPr/>
        </p:nvSpPr>
        <p:spPr>
          <a:xfrm>
            <a:off x="5649214" y="6341161"/>
            <a:ext cx="1619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4" name="object 44"/>
          <p:cNvSpPr/>
          <p:nvPr/>
        </p:nvSpPr>
        <p:spPr>
          <a:xfrm>
            <a:off x="4395978" y="5487161"/>
            <a:ext cx="3378835" cy="1140460"/>
          </a:xfrm>
          <a:custGeom>
            <a:avLst/>
            <a:gdLst/>
            <a:ahLst/>
            <a:cxnLst/>
            <a:rect l="l" t="t" r="r" b="b"/>
            <a:pathLst>
              <a:path w="3378834" h="1140459">
                <a:moveTo>
                  <a:pt x="1098804" y="787908"/>
                </a:moveTo>
                <a:lnTo>
                  <a:pt x="3378707" y="787908"/>
                </a:lnTo>
              </a:path>
              <a:path w="3378834" h="1140459">
                <a:moveTo>
                  <a:pt x="1098804" y="1115568"/>
                </a:moveTo>
                <a:lnTo>
                  <a:pt x="3378707" y="1115568"/>
                </a:lnTo>
              </a:path>
              <a:path w="3378834" h="1140459">
                <a:moveTo>
                  <a:pt x="1106424" y="784860"/>
                </a:moveTo>
                <a:lnTo>
                  <a:pt x="1106424" y="1115568"/>
                </a:lnTo>
              </a:path>
              <a:path w="3378834" h="1140459">
                <a:moveTo>
                  <a:pt x="1693164" y="784860"/>
                </a:moveTo>
                <a:lnTo>
                  <a:pt x="1693164" y="1115568"/>
                </a:lnTo>
              </a:path>
              <a:path w="3378834" h="1140459">
                <a:moveTo>
                  <a:pt x="2249424" y="784860"/>
                </a:moveTo>
                <a:lnTo>
                  <a:pt x="2249424" y="1115568"/>
                </a:lnTo>
              </a:path>
              <a:path w="3378834" h="1140459">
                <a:moveTo>
                  <a:pt x="2801112" y="784860"/>
                </a:moveTo>
                <a:lnTo>
                  <a:pt x="2801112" y="1115568"/>
                </a:lnTo>
              </a:path>
              <a:path w="3378834" h="1140459">
                <a:moveTo>
                  <a:pt x="3378707" y="784860"/>
                </a:moveTo>
                <a:lnTo>
                  <a:pt x="3378707" y="1139952"/>
                </a:lnTo>
              </a:path>
              <a:path w="3378834" h="1140459">
                <a:moveTo>
                  <a:pt x="0" y="0"/>
                </a:moveTo>
                <a:lnTo>
                  <a:pt x="0" y="330707"/>
                </a:lnTo>
              </a:path>
              <a:path w="3378834" h="1140459">
                <a:moveTo>
                  <a:pt x="568451" y="420624"/>
                </a:moveTo>
                <a:lnTo>
                  <a:pt x="568451" y="751332"/>
                </a:lnTo>
              </a:path>
            </a:pathLst>
          </a:custGeom>
          <a:ln w="25398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45" name="object 45"/>
          <p:cNvSpPr txBox="1"/>
          <p:nvPr/>
        </p:nvSpPr>
        <p:spPr>
          <a:xfrm>
            <a:off x="6163817" y="6329273"/>
            <a:ext cx="17843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D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6" name="object 46"/>
          <p:cNvSpPr txBox="1"/>
          <p:nvPr/>
        </p:nvSpPr>
        <p:spPr>
          <a:xfrm>
            <a:off x="6719443" y="6341161"/>
            <a:ext cx="23812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OF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7" name="object 47"/>
          <p:cNvSpPr txBox="1"/>
          <p:nvPr/>
        </p:nvSpPr>
        <p:spPr>
          <a:xfrm>
            <a:off x="7269860" y="6339027"/>
            <a:ext cx="230504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5" dirty="0">
                <a:latin typeface="Arial MT"/>
                <a:cs typeface="Arial MT"/>
              </a:rPr>
              <a:t>EX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8" name="object 48"/>
          <p:cNvSpPr txBox="1"/>
          <p:nvPr/>
        </p:nvSpPr>
        <p:spPr>
          <a:xfrm>
            <a:off x="4124959" y="5538012"/>
            <a:ext cx="5969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49" name="object 49"/>
          <p:cNvSpPr txBox="1"/>
          <p:nvPr/>
        </p:nvSpPr>
        <p:spPr>
          <a:xfrm>
            <a:off x="4473066" y="5939434"/>
            <a:ext cx="23241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r>
              <a:rPr sz="1200" spc="-15" dirty="0">
                <a:latin typeface="Arial MT"/>
                <a:cs typeface="Arial MT"/>
              </a:rPr>
              <a:t>+</a:t>
            </a:r>
            <a:r>
              <a:rPr sz="1200" spc="-5" dirty="0">
                <a:latin typeface="Arial MT"/>
                <a:cs typeface="Arial MT"/>
              </a:rPr>
              <a:t>1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50" name="object 50"/>
          <p:cNvSpPr txBox="1"/>
          <p:nvPr/>
        </p:nvSpPr>
        <p:spPr>
          <a:xfrm>
            <a:off x="5030851" y="6322872"/>
            <a:ext cx="232410" cy="20891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i</a:t>
            </a:r>
            <a:r>
              <a:rPr sz="1200" spc="-10" dirty="0">
                <a:latin typeface="Arial MT"/>
                <a:cs typeface="Arial MT"/>
              </a:rPr>
              <a:t>+</a:t>
            </a:r>
            <a:r>
              <a:rPr sz="1200" dirty="0">
                <a:latin typeface="Arial MT"/>
                <a:cs typeface="Arial MT"/>
              </a:rPr>
              <a:t>2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51" name="object 51"/>
          <p:cNvSpPr txBox="1"/>
          <p:nvPr/>
        </p:nvSpPr>
        <p:spPr>
          <a:xfrm>
            <a:off x="1626235" y="4471161"/>
            <a:ext cx="132905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N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o</a:t>
            </a:r>
            <a:r>
              <a:rPr sz="1800" u="sng" spc="-10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n</a:t>
            </a:r>
            <a:r>
              <a:rPr sz="1800" u="sng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-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Pi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p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e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l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i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n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e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52" name="object 52"/>
          <p:cNvSpPr txBox="1"/>
          <p:nvPr/>
        </p:nvSpPr>
        <p:spPr>
          <a:xfrm>
            <a:off x="1876425" y="5840679"/>
            <a:ext cx="83566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Pi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p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e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l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i</a:t>
            </a:r>
            <a:r>
              <a:rPr sz="1800" u="sng" spc="-1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n</a:t>
            </a:r>
            <a:r>
              <a:rPr sz="1800" u="sng" spc="-5" dirty="0">
                <a:solidFill>
                  <a:srgbClr val="006FC0"/>
                </a:solidFill>
                <a:uFill>
                  <a:solidFill>
                    <a:srgbClr val="006FC0"/>
                  </a:solidFill>
                </a:uFill>
                <a:latin typeface="Arial MT"/>
                <a:cs typeface="Arial MT"/>
              </a:rPr>
              <a:t>e</a:t>
            </a:r>
            <a:endParaRPr sz="1800">
              <a:latin typeface="Arial MT"/>
              <a:cs typeface="Arial MT"/>
            </a:endParaRPr>
          </a:p>
        </p:txBody>
      </p:sp>
    </p:spTree>
  </p:cSld>
  <p:clrMapOvr>
    <a:masterClrMapping/>
  </p:clrMapOvr>
</p:sld>
</file>

<file path=ppt/slides/slide6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3655314" y="4546853"/>
            <a:ext cx="3220720" cy="2059305"/>
          </a:xfrm>
          <a:custGeom>
            <a:avLst/>
            <a:gdLst/>
            <a:ahLst/>
            <a:cxnLst/>
            <a:rect l="l" t="t" r="r" b="b"/>
            <a:pathLst>
              <a:path w="3220720" h="2059304">
                <a:moveTo>
                  <a:pt x="0" y="0"/>
                </a:moveTo>
                <a:lnTo>
                  <a:pt x="0" y="2058924"/>
                </a:lnTo>
              </a:path>
              <a:path w="3220720" h="2059304">
                <a:moveTo>
                  <a:pt x="461772" y="0"/>
                </a:moveTo>
                <a:lnTo>
                  <a:pt x="461772" y="2058924"/>
                </a:lnTo>
              </a:path>
              <a:path w="3220720" h="2059304">
                <a:moveTo>
                  <a:pt x="922020" y="0"/>
                </a:moveTo>
                <a:lnTo>
                  <a:pt x="922020" y="2058924"/>
                </a:lnTo>
              </a:path>
              <a:path w="3220720" h="2059304">
                <a:moveTo>
                  <a:pt x="1839468" y="0"/>
                </a:moveTo>
                <a:lnTo>
                  <a:pt x="1839468" y="2058924"/>
                </a:lnTo>
              </a:path>
              <a:path w="3220720" h="2059304">
                <a:moveTo>
                  <a:pt x="2301240" y="0"/>
                </a:moveTo>
                <a:lnTo>
                  <a:pt x="2301240" y="2058924"/>
                </a:lnTo>
              </a:path>
              <a:path w="3220720" h="2059304">
                <a:moveTo>
                  <a:pt x="2761488" y="0"/>
                </a:moveTo>
                <a:lnTo>
                  <a:pt x="2761488" y="2058924"/>
                </a:lnTo>
              </a:path>
              <a:path w="3220720" h="2059304">
                <a:moveTo>
                  <a:pt x="3220212" y="0"/>
                </a:moveTo>
                <a:lnTo>
                  <a:pt x="3220212" y="2058924"/>
                </a:lnTo>
              </a:path>
            </a:pathLst>
          </a:custGeom>
          <a:ln w="25398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0119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90" dirty="0">
                <a:latin typeface="Verdana"/>
                <a:cs typeface="Verdana"/>
              </a:rPr>
              <a:t>Spac</a:t>
            </a:r>
            <a:r>
              <a:rPr sz="3600" spc="95" dirty="0">
                <a:latin typeface="Verdana"/>
                <a:cs typeface="Verdana"/>
              </a:rPr>
              <a:t>e</a:t>
            </a:r>
            <a:r>
              <a:rPr sz="3600" spc="-440" dirty="0">
                <a:latin typeface="Verdana"/>
                <a:cs typeface="Verdana"/>
              </a:rPr>
              <a:t>-</a:t>
            </a:r>
            <a:r>
              <a:rPr sz="3600" spc="-225" dirty="0">
                <a:latin typeface="Verdana"/>
                <a:cs typeface="Verdana"/>
              </a:rPr>
              <a:t>Tim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275" dirty="0">
                <a:latin typeface="Verdana"/>
                <a:cs typeface="Verdana"/>
              </a:rPr>
              <a:t>D</a:t>
            </a:r>
            <a:r>
              <a:rPr sz="3600" spc="-95" dirty="0">
                <a:latin typeface="Verdana"/>
                <a:cs typeface="Verdana"/>
              </a:rPr>
              <a:t>i</a:t>
            </a:r>
            <a:r>
              <a:rPr sz="3600" spc="30" dirty="0">
                <a:latin typeface="Verdana"/>
                <a:cs typeface="Verdana"/>
              </a:rPr>
              <a:t>agram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3793997" y="4534916"/>
            <a:ext cx="383032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469900" algn="l"/>
                <a:tab pos="932815" algn="l"/>
                <a:tab pos="1390650" algn="l"/>
                <a:tab pos="1852295" algn="l"/>
                <a:tab pos="2313305" algn="l"/>
                <a:tab pos="2773045" algn="l"/>
                <a:tab pos="3230880" algn="l"/>
                <a:tab pos="3689985" algn="l"/>
              </a:tabLst>
            </a:pPr>
            <a:r>
              <a:rPr sz="1800" spc="-5" dirty="0">
                <a:latin typeface="Arial MT"/>
                <a:cs typeface="Arial MT"/>
              </a:rPr>
              <a:t>1	2	3	4	5	6	7	8	9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5" name="object 5"/>
          <p:cNvGrpSpPr/>
          <p:nvPr/>
        </p:nvGrpSpPr>
        <p:grpSpPr>
          <a:xfrm>
            <a:off x="3636517" y="4534153"/>
            <a:ext cx="4508500" cy="2093595"/>
            <a:chOff x="3636517" y="4534153"/>
            <a:chExt cx="4508500" cy="2093595"/>
          </a:xfrm>
        </p:grpSpPr>
        <p:sp>
          <p:nvSpPr>
            <p:cNvPr id="6" name="object 6"/>
            <p:cNvSpPr/>
            <p:nvPr/>
          </p:nvSpPr>
          <p:spPr>
            <a:xfrm>
              <a:off x="7337297" y="4546853"/>
              <a:ext cx="459105" cy="2059305"/>
            </a:xfrm>
            <a:custGeom>
              <a:avLst/>
              <a:gdLst/>
              <a:ahLst/>
              <a:cxnLst/>
              <a:rect l="l" t="t" r="r" b="b"/>
              <a:pathLst>
                <a:path w="459104" h="2059304">
                  <a:moveTo>
                    <a:pt x="0" y="0"/>
                  </a:moveTo>
                  <a:lnTo>
                    <a:pt x="0" y="2058924"/>
                  </a:lnTo>
                </a:path>
                <a:path w="459104" h="2059304">
                  <a:moveTo>
                    <a:pt x="458724" y="0"/>
                  </a:moveTo>
                  <a:lnTo>
                    <a:pt x="458724" y="2058924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3649217" y="4794376"/>
              <a:ext cx="4495800" cy="50800"/>
            </a:xfrm>
            <a:custGeom>
              <a:avLst/>
              <a:gdLst/>
              <a:ahLst/>
              <a:cxnLst/>
              <a:rect l="l" t="t" r="r" b="b"/>
              <a:pathLst>
                <a:path w="4495800" h="50800">
                  <a:moveTo>
                    <a:pt x="4470526" y="37973"/>
                  </a:moveTo>
                  <a:lnTo>
                    <a:pt x="4457745" y="37990"/>
                  </a:lnTo>
                  <a:lnTo>
                    <a:pt x="4445000" y="50800"/>
                  </a:lnTo>
                  <a:lnTo>
                    <a:pt x="4470526" y="37973"/>
                  </a:lnTo>
                  <a:close/>
                </a:path>
                <a:path w="4495800" h="50800">
                  <a:moveTo>
                    <a:pt x="4457653" y="12590"/>
                  </a:moveTo>
                  <a:lnTo>
                    <a:pt x="0" y="18668"/>
                  </a:lnTo>
                  <a:lnTo>
                    <a:pt x="0" y="44068"/>
                  </a:lnTo>
                  <a:lnTo>
                    <a:pt x="4457745" y="37990"/>
                  </a:lnTo>
                  <a:lnTo>
                    <a:pt x="4470400" y="25273"/>
                  </a:lnTo>
                  <a:lnTo>
                    <a:pt x="4457653" y="12590"/>
                  </a:lnTo>
                  <a:close/>
                </a:path>
                <a:path w="4495800" h="50800">
                  <a:moveTo>
                    <a:pt x="4470272" y="12573"/>
                  </a:moveTo>
                  <a:lnTo>
                    <a:pt x="4457653" y="12590"/>
                  </a:lnTo>
                  <a:lnTo>
                    <a:pt x="4470400" y="25273"/>
                  </a:lnTo>
                  <a:lnTo>
                    <a:pt x="4457745" y="37990"/>
                  </a:lnTo>
                  <a:lnTo>
                    <a:pt x="4470526" y="37973"/>
                  </a:lnTo>
                  <a:lnTo>
                    <a:pt x="4470400" y="12636"/>
                  </a:lnTo>
                  <a:lnTo>
                    <a:pt x="4470272" y="12573"/>
                  </a:lnTo>
                  <a:close/>
                </a:path>
                <a:path w="4495800" h="50800">
                  <a:moveTo>
                    <a:pt x="4470400" y="12636"/>
                  </a:moveTo>
                  <a:lnTo>
                    <a:pt x="4470526" y="37972"/>
                  </a:lnTo>
                  <a:lnTo>
                    <a:pt x="4495800" y="25273"/>
                  </a:lnTo>
                  <a:lnTo>
                    <a:pt x="4470400" y="12636"/>
                  </a:lnTo>
                  <a:close/>
                </a:path>
                <a:path w="4495800" h="50800">
                  <a:moveTo>
                    <a:pt x="4470400" y="12573"/>
                  </a:moveTo>
                  <a:close/>
                </a:path>
                <a:path w="4495800" h="50800">
                  <a:moveTo>
                    <a:pt x="4445000" y="0"/>
                  </a:moveTo>
                  <a:lnTo>
                    <a:pt x="4457653" y="12590"/>
                  </a:lnTo>
                  <a:lnTo>
                    <a:pt x="4470272" y="12573"/>
                  </a:lnTo>
                  <a:lnTo>
                    <a:pt x="4445000" y="0"/>
                  </a:lnTo>
                  <a:close/>
                </a:path>
              </a:pathLst>
            </a:custGeom>
            <a:solidFill>
              <a:srgbClr val="00000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" name="object 8"/>
            <p:cNvSpPr/>
            <p:nvPr/>
          </p:nvSpPr>
          <p:spPr>
            <a:xfrm>
              <a:off x="3649217" y="5257927"/>
              <a:ext cx="4139565" cy="12700"/>
            </a:xfrm>
            <a:custGeom>
              <a:avLst/>
              <a:gdLst/>
              <a:ahLst/>
              <a:cxnLst/>
              <a:rect l="l" t="t" r="r" b="b"/>
              <a:pathLst>
                <a:path w="4139565" h="12700">
                  <a:moveTo>
                    <a:pt x="0" y="0"/>
                  </a:moveTo>
                  <a:lnTo>
                    <a:pt x="485394" y="0"/>
                  </a:lnTo>
                </a:path>
                <a:path w="4139565" h="12700">
                  <a:moveTo>
                    <a:pt x="863346" y="0"/>
                  </a:moveTo>
                  <a:lnTo>
                    <a:pt x="942594" y="0"/>
                  </a:lnTo>
                </a:path>
                <a:path w="4139565" h="12700">
                  <a:moveTo>
                    <a:pt x="1322070" y="0"/>
                  </a:moveTo>
                  <a:lnTo>
                    <a:pt x="1864614" y="0"/>
                  </a:lnTo>
                </a:path>
                <a:path w="4139565" h="12700">
                  <a:moveTo>
                    <a:pt x="2242566" y="0"/>
                  </a:moveTo>
                  <a:lnTo>
                    <a:pt x="2324862" y="0"/>
                  </a:lnTo>
                </a:path>
                <a:path w="4139565" h="12700">
                  <a:moveTo>
                    <a:pt x="2702814" y="0"/>
                  </a:moveTo>
                  <a:lnTo>
                    <a:pt x="4139184" y="0"/>
                  </a:lnTo>
                </a:path>
                <a:path w="4139565" h="12700">
                  <a:moveTo>
                    <a:pt x="0" y="12699"/>
                  </a:moveTo>
                  <a:lnTo>
                    <a:pt x="4139184" y="12699"/>
                  </a:lnTo>
                </a:path>
              </a:pathLst>
            </a:custGeom>
            <a:ln w="5841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9" name="object 9"/>
            <p:cNvSpPr/>
            <p:nvPr/>
          </p:nvSpPr>
          <p:spPr>
            <a:xfrm>
              <a:off x="3649217" y="5717413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942594" y="0"/>
                  </a:lnTo>
                </a:path>
                <a:path w="4139565">
                  <a:moveTo>
                    <a:pt x="1322070" y="0"/>
                  </a:moveTo>
                  <a:lnTo>
                    <a:pt x="1404366" y="0"/>
                  </a:lnTo>
                </a:path>
                <a:path w="4139565">
                  <a:moveTo>
                    <a:pt x="1782318" y="0"/>
                  </a:moveTo>
                  <a:lnTo>
                    <a:pt x="2324862" y="0"/>
                  </a:lnTo>
                </a:path>
                <a:path w="4139565">
                  <a:moveTo>
                    <a:pt x="2702814" y="0"/>
                  </a:moveTo>
                  <a:lnTo>
                    <a:pt x="4139184" y="0"/>
                  </a:lnTo>
                </a:path>
              </a:pathLst>
            </a:custGeom>
            <a:ln w="31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0" name="object 10"/>
            <p:cNvSpPr/>
            <p:nvPr/>
          </p:nvSpPr>
          <p:spPr>
            <a:xfrm>
              <a:off x="3649217" y="5730112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4139184" y="0"/>
                  </a:lnTo>
                </a:path>
              </a:pathLst>
            </a:custGeom>
            <a:ln w="31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3649217" y="6161659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1404366" y="0"/>
                  </a:lnTo>
                </a:path>
                <a:path w="4139565">
                  <a:moveTo>
                    <a:pt x="1782318" y="0"/>
                  </a:moveTo>
                  <a:lnTo>
                    <a:pt x="1864614" y="0"/>
                  </a:lnTo>
                </a:path>
                <a:path w="4139565">
                  <a:moveTo>
                    <a:pt x="2242566" y="0"/>
                  </a:moveTo>
                  <a:lnTo>
                    <a:pt x="2324862" y="0"/>
                  </a:lnTo>
                </a:path>
                <a:path w="4139565">
                  <a:moveTo>
                    <a:pt x="2702814" y="0"/>
                  </a:moveTo>
                  <a:lnTo>
                    <a:pt x="2785110" y="0"/>
                  </a:lnTo>
                </a:path>
                <a:path w="4139565">
                  <a:moveTo>
                    <a:pt x="3163062" y="0"/>
                  </a:moveTo>
                  <a:lnTo>
                    <a:pt x="3242310" y="0"/>
                  </a:lnTo>
                </a:path>
                <a:path w="4139565">
                  <a:moveTo>
                    <a:pt x="3620262" y="0"/>
                  </a:moveTo>
                  <a:lnTo>
                    <a:pt x="4139184" y="0"/>
                  </a:lnTo>
                </a:path>
              </a:pathLst>
            </a:custGeom>
            <a:ln w="5841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2" name="object 12"/>
            <p:cNvSpPr/>
            <p:nvPr/>
          </p:nvSpPr>
          <p:spPr>
            <a:xfrm>
              <a:off x="3649217" y="6174358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4139184" y="0"/>
                  </a:lnTo>
                </a:path>
              </a:pathLst>
            </a:custGeom>
            <a:ln w="5841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3649217" y="6614921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4139184" y="0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4" name="object 1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3671315" y="4910327"/>
              <a:ext cx="377951" cy="350520"/>
            </a:xfrm>
            <a:prstGeom prst="rect">
              <a:avLst/>
            </a:prstGeom>
          </p:spPr>
        </p:pic>
        <p:sp>
          <p:nvSpPr>
            <p:cNvPr id="15" name="object 15"/>
            <p:cNvSpPr/>
            <p:nvPr/>
          </p:nvSpPr>
          <p:spPr>
            <a:xfrm>
              <a:off x="3671315" y="4910327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20"/>
                  </a:moveTo>
                  <a:lnTo>
                    <a:pt x="377951" y="350520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6" name="object 16"/>
            <p:cNvPicPr/>
            <p:nvPr/>
          </p:nvPicPr>
          <p:blipFill>
            <a:blip r:embed="rId3" cstate="print"/>
            <a:stretch>
              <a:fillRect/>
            </a:stretch>
          </p:blipFill>
          <p:spPr>
            <a:xfrm>
              <a:off x="4134611" y="5367527"/>
              <a:ext cx="377951" cy="350520"/>
            </a:xfrm>
            <a:prstGeom prst="rect">
              <a:avLst/>
            </a:prstGeom>
          </p:spPr>
        </p:pic>
        <p:sp>
          <p:nvSpPr>
            <p:cNvPr id="17" name="object 17"/>
            <p:cNvSpPr/>
            <p:nvPr/>
          </p:nvSpPr>
          <p:spPr>
            <a:xfrm>
              <a:off x="4134611" y="5367527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20"/>
                  </a:moveTo>
                  <a:lnTo>
                    <a:pt x="377951" y="350520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8" name="object 18"/>
          <p:cNvSpPr txBox="1"/>
          <p:nvPr/>
        </p:nvSpPr>
        <p:spPr>
          <a:xfrm>
            <a:off x="4214876" y="5395671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1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19" name="object 19"/>
          <p:cNvGrpSpPr/>
          <p:nvPr/>
        </p:nvGrpSpPr>
        <p:grpSpPr>
          <a:xfrm>
            <a:off x="4129849" y="4905565"/>
            <a:ext cx="1767205" cy="1707514"/>
            <a:chOff x="4129849" y="4905565"/>
            <a:chExt cx="1767205" cy="1707514"/>
          </a:xfrm>
        </p:grpSpPr>
        <p:pic>
          <p:nvPicPr>
            <p:cNvPr id="20" name="object 20"/>
            <p:cNvPicPr/>
            <p:nvPr/>
          </p:nvPicPr>
          <p:blipFill>
            <a:blip r:embed="rId4" cstate="print"/>
            <a:stretch>
              <a:fillRect/>
            </a:stretch>
          </p:blipFill>
          <p:spPr>
            <a:xfrm>
              <a:off x="4591811" y="5814060"/>
              <a:ext cx="379475" cy="350520"/>
            </a:xfrm>
            <a:prstGeom prst="rect">
              <a:avLst/>
            </a:prstGeom>
          </p:spPr>
        </p:pic>
        <p:sp>
          <p:nvSpPr>
            <p:cNvPr id="21" name="object 21"/>
            <p:cNvSpPr/>
            <p:nvPr/>
          </p:nvSpPr>
          <p:spPr>
            <a:xfrm>
              <a:off x="4591811" y="5814060"/>
              <a:ext cx="379730" cy="350520"/>
            </a:xfrm>
            <a:custGeom>
              <a:avLst/>
              <a:gdLst/>
              <a:ahLst/>
              <a:cxnLst/>
              <a:rect l="l" t="t" r="r" b="b"/>
              <a:pathLst>
                <a:path w="379729" h="350520">
                  <a:moveTo>
                    <a:pt x="0" y="350519"/>
                  </a:moveTo>
                  <a:lnTo>
                    <a:pt x="379475" y="350519"/>
                  </a:lnTo>
                  <a:lnTo>
                    <a:pt x="379475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4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22" name="object 22"/>
            <p:cNvPicPr/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5053583" y="6257544"/>
              <a:ext cx="377951" cy="350520"/>
            </a:xfrm>
            <a:prstGeom prst="rect">
              <a:avLst/>
            </a:prstGeom>
          </p:spPr>
        </p:pic>
        <p:sp>
          <p:nvSpPr>
            <p:cNvPr id="23" name="object 23"/>
            <p:cNvSpPr/>
            <p:nvPr/>
          </p:nvSpPr>
          <p:spPr>
            <a:xfrm>
              <a:off x="5053583" y="6257544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24" name="object 24"/>
            <p:cNvPicPr/>
            <p:nvPr/>
          </p:nvPicPr>
          <p:blipFill>
            <a:blip r:embed="rId6" cstate="print"/>
            <a:stretch>
              <a:fillRect/>
            </a:stretch>
          </p:blipFill>
          <p:spPr>
            <a:xfrm>
              <a:off x="4134611" y="4910328"/>
              <a:ext cx="377951" cy="350520"/>
            </a:xfrm>
            <a:prstGeom prst="rect">
              <a:avLst/>
            </a:prstGeom>
          </p:spPr>
        </p:pic>
        <p:sp>
          <p:nvSpPr>
            <p:cNvPr id="25" name="object 25"/>
            <p:cNvSpPr/>
            <p:nvPr/>
          </p:nvSpPr>
          <p:spPr>
            <a:xfrm>
              <a:off x="4134611" y="4910328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20"/>
                  </a:moveTo>
                  <a:lnTo>
                    <a:pt x="377951" y="350520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26" name="object 26"/>
            <p:cNvPicPr/>
            <p:nvPr/>
          </p:nvPicPr>
          <p:blipFill>
            <a:blip r:embed="rId7" cstate="print"/>
            <a:stretch>
              <a:fillRect/>
            </a:stretch>
          </p:blipFill>
          <p:spPr>
            <a:xfrm>
              <a:off x="4591811" y="5369052"/>
              <a:ext cx="379475" cy="352044"/>
            </a:xfrm>
            <a:prstGeom prst="rect">
              <a:avLst/>
            </a:prstGeom>
          </p:spPr>
        </p:pic>
        <p:sp>
          <p:nvSpPr>
            <p:cNvPr id="27" name="object 27"/>
            <p:cNvSpPr/>
            <p:nvPr/>
          </p:nvSpPr>
          <p:spPr>
            <a:xfrm>
              <a:off x="4591811" y="5369052"/>
              <a:ext cx="379730" cy="352425"/>
            </a:xfrm>
            <a:custGeom>
              <a:avLst/>
              <a:gdLst/>
              <a:ahLst/>
              <a:cxnLst/>
              <a:rect l="l" t="t" r="r" b="b"/>
              <a:pathLst>
                <a:path w="379729" h="352425">
                  <a:moveTo>
                    <a:pt x="0" y="352044"/>
                  </a:moveTo>
                  <a:lnTo>
                    <a:pt x="379475" y="352044"/>
                  </a:lnTo>
                  <a:lnTo>
                    <a:pt x="379475" y="0"/>
                  </a:lnTo>
                  <a:lnTo>
                    <a:pt x="0" y="0"/>
                  </a:lnTo>
                  <a:lnTo>
                    <a:pt x="0" y="352044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28" name="object 28"/>
            <p:cNvPicPr/>
            <p:nvPr/>
          </p:nvPicPr>
          <p:blipFill>
            <a:blip r:embed="rId8" cstate="print"/>
            <a:stretch>
              <a:fillRect/>
            </a:stretch>
          </p:blipFill>
          <p:spPr>
            <a:xfrm>
              <a:off x="5053583" y="5814060"/>
              <a:ext cx="377951" cy="350520"/>
            </a:xfrm>
            <a:prstGeom prst="rect">
              <a:avLst/>
            </a:prstGeom>
          </p:spPr>
        </p:pic>
        <p:sp>
          <p:nvSpPr>
            <p:cNvPr id="29" name="object 29"/>
            <p:cNvSpPr/>
            <p:nvPr/>
          </p:nvSpPr>
          <p:spPr>
            <a:xfrm>
              <a:off x="5053583" y="5814060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30" name="object 30"/>
            <p:cNvPicPr/>
            <p:nvPr/>
          </p:nvPicPr>
          <p:blipFill>
            <a:blip r:embed="rId9" cstate="print"/>
            <a:stretch>
              <a:fillRect/>
            </a:stretch>
          </p:blipFill>
          <p:spPr>
            <a:xfrm>
              <a:off x="5513831" y="6257544"/>
              <a:ext cx="377951" cy="350520"/>
            </a:xfrm>
            <a:prstGeom prst="rect">
              <a:avLst/>
            </a:prstGeom>
          </p:spPr>
        </p:pic>
        <p:sp>
          <p:nvSpPr>
            <p:cNvPr id="31" name="object 31"/>
            <p:cNvSpPr/>
            <p:nvPr/>
          </p:nvSpPr>
          <p:spPr>
            <a:xfrm>
              <a:off x="5513831" y="6257544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32" name="object 32"/>
            <p:cNvPicPr/>
            <p:nvPr/>
          </p:nvPicPr>
          <p:blipFill>
            <a:blip r:embed="rId10" cstate="print"/>
            <a:stretch>
              <a:fillRect/>
            </a:stretch>
          </p:blipFill>
          <p:spPr>
            <a:xfrm>
              <a:off x="4591811" y="4910328"/>
              <a:ext cx="379475" cy="350520"/>
            </a:xfrm>
            <a:prstGeom prst="rect">
              <a:avLst/>
            </a:prstGeom>
          </p:spPr>
        </p:pic>
        <p:sp>
          <p:nvSpPr>
            <p:cNvPr id="33" name="object 33"/>
            <p:cNvSpPr/>
            <p:nvPr/>
          </p:nvSpPr>
          <p:spPr>
            <a:xfrm>
              <a:off x="4591811" y="4910328"/>
              <a:ext cx="379730" cy="350520"/>
            </a:xfrm>
            <a:custGeom>
              <a:avLst/>
              <a:gdLst/>
              <a:ahLst/>
              <a:cxnLst/>
              <a:rect l="l" t="t" r="r" b="b"/>
              <a:pathLst>
                <a:path w="379729" h="350520">
                  <a:moveTo>
                    <a:pt x="0" y="350520"/>
                  </a:moveTo>
                  <a:lnTo>
                    <a:pt x="379475" y="350520"/>
                  </a:lnTo>
                  <a:lnTo>
                    <a:pt x="379475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34" name="object 34"/>
            <p:cNvPicPr/>
            <p:nvPr/>
          </p:nvPicPr>
          <p:blipFill>
            <a:blip r:embed="rId11" cstate="print"/>
            <a:stretch>
              <a:fillRect/>
            </a:stretch>
          </p:blipFill>
          <p:spPr>
            <a:xfrm>
              <a:off x="5053583" y="5369052"/>
              <a:ext cx="377951" cy="352044"/>
            </a:xfrm>
            <a:prstGeom prst="rect">
              <a:avLst/>
            </a:prstGeom>
          </p:spPr>
        </p:pic>
        <p:sp>
          <p:nvSpPr>
            <p:cNvPr id="35" name="object 35"/>
            <p:cNvSpPr/>
            <p:nvPr/>
          </p:nvSpPr>
          <p:spPr>
            <a:xfrm>
              <a:off x="5053583" y="5369052"/>
              <a:ext cx="378460" cy="352425"/>
            </a:xfrm>
            <a:custGeom>
              <a:avLst/>
              <a:gdLst/>
              <a:ahLst/>
              <a:cxnLst/>
              <a:rect l="l" t="t" r="r" b="b"/>
              <a:pathLst>
                <a:path w="378460" h="352425">
                  <a:moveTo>
                    <a:pt x="0" y="352044"/>
                  </a:moveTo>
                  <a:lnTo>
                    <a:pt x="377951" y="352044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2044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36" name="object 36"/>
          <p:cNvSpPr txBox="1"/>
          <p:nvPr/>
        </p:nvSpPr>
        <p:spPr>
          <a:xfrm>
            <a:off x="4672329" y="5398109"/>
            <a:ext cx="67881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473709" algn="l"/>
              </a:tabLst>
            </a:pPr>
            <a:r>
              <a:rPr sz="1800" dirty="0">
                <a:latin typeface="Arial MT"/>
                <a:cs typeface="Arial MT"/>
              </a:rPr>
              <a:t>I2	I3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37" name="object 37"/>
          <p:cNvGrpSpPr/>
          <p:nvPr/>
        </p:nvGrpSpPr>
        <p:grpSpPr>
          <a:xfrm>
            <a:off x="5509069" y="5352097"/>
            <a:ext cx="1308100" cy="1261110"/>
            <a:chOff x="5509069" y="5352097"/>
            <a:chExt cx="1308100" cy="1261110"/>
          </a:xfrm>
        </p:grpSpPr>
        <p:pic>
          <p:nvPicPr>
            <p:cNvPr id="38" name="object 38"/>
            <p:cNvPicPr/>
            <p:nvPr/>
          </p:nvPicPr>
          <p:blipFill>
            <a:blip r:embed="rId12" cstate="print"/>
            <a:stretch>
              <a:fillRect/>
            </a:stretch>
          </p:blipFill>
          <p:spPr>
            <a:xfrm>
              <a:off x="5513832" y="5814059"/>
              <a:ext cx="377951" cy="350520"/>
            </a:xfrm>
            <a:prstGeom prst="rect">
              <a:avLst/>
            </a:prstGeom>
          </p:spPr>
        </p:pic>
        <p:sp>
          <p:nvSpPr>
            <p:cNvPr id="39" name="object 39"/>
            <p:cNvSpPr/>
            <p:nvPr/>
          </p:nvSpPr>
          <p:spPr>
            <a:xfrm>
              <a:off x="5513832" y="5814059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40" name="object 40"/>
            <p:cNvPicPr/>
            <p:nvPr/>
          </p:nvPicPr>
          <p:blipFill>
            <a:blip r:embed="rId13" cstate="print"/>
            <a:stretch>
              <a:fillRect/>
            </a:stretch>
          </p:blipFill>
          <p:spPr>
            <a:xfrm>
              <a:off x="5974080" y="6257543"/>
              <a:ext cx="377951" cy="350520"/>
            </a:xfrm>
            <a:prstGeom prst="rect">
              <a:avLst/>
            </a:prstGeom>
          </p:spPr>
        </p:pic>
        <p:sp>
          <p:nvSpPr>
            <p:cNvPr id="41" name="object 41"/>
            <p:cNvSpPr/>
            <p:nvPr/>
          </p:nvSpPr>
          <p:spPr>
            <a:xfrm>
              <a:off x="5974080" y="6257543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DE6C36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42" name="object 42"/>
            <p:cNvPicPr/>
            <p:nvPr/>
          </p:nvPicPr>
          <p:blipFill>
            <a:blip r:embed="rId14" cstate="print"/>
            <a:stretch>
              <a:fillRect/>
            </a:stretch>
          </p:blipFill>
          <p:spPr>
            <a:xfrm>
              <a:off x="6434328" y="6257543"/>
              <a:ext cx="377951" cy="350520"/>
            </a:xfrm>
            <a:prstGeom prst="rect">
              <a:avLst/>
            </a:prstGeom>
          </p:spPr>
        </p:pic>
        <p:sp>
          <p:nvSpPr>
            <p:cNvPr id="43" name="object 43"/>
            <p:cNvSpPr/>
            <p:nvPr/>
          </p:nvSpPr>
          <p:spPr>
            <a:xfrm>
              <a:off x="6434328" y="6257543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59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F8B63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44" name="object 44"/>
            <p:cNvPicPr/>
            <p:nvPr/>
          </p:nvPicPr>
          <p:blipFill>
            <a:blip r:embed="rId15" cstate="print"/>
            <a:stretch>
              <a:fillRect/>
            </a:stretch>
          </p:blipFill>
          <p:spPr>
            <a:xfrm>
              <a:off x="5974080" y="5814059"/>
              <a:ext cx="377951" cy="350520"/>
            </a:xfrm>
            <a:prstGeom prst="rect">
              <a:avLst/>
            </a:prstGeom>
          </p:spPr>
        </p:pic>
        <p:sp>
          <p:nvSpPr>
            <p:cNvPr id="45" name="object 45"/>
            <p:cNvSpPr/>
            <p:nvPr/>
          </p:nvSpPr>
          <p:spPr>
            <a:xfrm>
              <a:off x="5974080" y="5814059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F8B63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46" name="object 46"/>
            <p:cNvPicPr/>
            <p:nvPr/>
          </p:nvPicPr>
          <p:blipFill>
            <a:blip r:embed="rId16" cstate="print"/>
            <a:stretch>
              <a:fillRect/>
            </a:stretch>
          </p:blipFill>
          <p:spPr>
            <a:xfrm>
              <a:off x="5513832" y="5356859"/>
              <a:ext cx="377951" cy="350519"/>
            </a:xfrm>
            <a:prstGeom prst="rect">
              <a:avLst/>
            </a:prstGeom>
          </p:spPr>
        </p:pic>
        <p:sp>
          <p:nvSpPr>
            <p:cNvPr id="47" name="object 47"/>
            <p:cNvSpPr/>
            <p:nvPr/>
          </p:nvSpPr>
          <p:spPr>
            <a:xfrm>
              <a:off x="5513832" y="5356859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F8B63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48" name="object 48"/>
          <p:cNvSpPr txBox="1"/>
          <p:nvPr/>
        </p:nvSpPr>
        <p:spPr>
          <a:xfrm>
            <a:off x="5593207" y="5384698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4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49" name="object 49"/>
          <p:cNvGrpSpPr/>
          <p:nvPr/>
        </p:nvGrpSpPr>
        <p:grpSpPr>
          <a:xfrm>
            <a:off x="5048821" y="4891849"/>
            <a:ext cx="387985" cy="360045"/>
            <a:chOff x="5048821" y="4891849"/>
            <a:chExt cx="387985" cy="360045"/>
          </a:xfrm>
        </p:grpSpPr>
        <p:pic>
          <p:nvPicPr>
            <p:cNvPr id="50" name="object 50"/>
            <p:cNvPicPr/>
            <p:nvPr/>
          </p:nvPicPr>
          <p:blipFill>
            <a:blip r:embed="rId17" cstate="print"/>
            <a:stretch>
              <a:fillRect/>
            </a:stretch>
          </p:blipFill>
          <p:spPr>
            <a:xfrm>
              <a:off x="5053584" y="4896611"/>
              <a:ext cx="377951" cy="350519"/>
            </a:xfrm>
            <a:prstGeom prst="rect">
              <a:avLst/>
            </a:prstGeom>
          </p:spPr>
        </p:pic>
        <p:sp>
          <p:nvSpPr>
            <p:cNvPr id="51" name="object 51"/>
            <p:cNvSpPr/>
            <p:nvPr/>
          </p:nvSpPr>
          <p:spPr>
            <a:xfrm>
              <a:off x="5053584" y="4896611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F8B63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52" name="object 52"/>
          <p:cNvSpPr txBox="1"/>
          <p:nvPr/>
        </p:nvSpPr>
        <p:spPr>
          <a:xfrm>
            <a:off x="5133847" y="4925059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4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53" name="object 53"/>
          <p:cNvGrpSpPr/>
          <p:nvPr/>
        </p:nvGrpSpPr>
        <p:grpSpPr>
          <a:xfrm>
            <a:off x="5509069" y="4905565"/>
            <a:ext cx="847725" cy="820419"/>
            <a:chOff x="5509069" y="4905565"/>
            <a:chExt cx="847725" cy="820419"/>
          </a:xfrm>
        </p:grpSpPr>
        <p:pic>
          <p:nvPicPr>
            <p:cNvPr id="54" name="object 54"/>
            <p:cNvPicPr/>
            <p:nvPr/>
          </p:nvPicPr>
          <p:blipFill>
            <a:blip r:embed="rId18" cstate="print"/>
            <a:stretch>
              <a:fillRect/>
            </a:stretch>
          </p:blipFill>
          <p:spPr>
            <a:xfrm>
              <a:off x="5513832" y="4910328"/>
              <a:ext cx="377951" cy="350520"/>
            </a:xfrm>
            <a:prstGeom prst="rect">
              <a:avLst/>
            </a:prstGeom>
          </p:spPr>
        </p:pic>
        <p:sp>
          <p:nvSpPr>
            <p:cNvPr id="55" name="object 55"/>
            <p:cNvSpPr/>
            <p:nvPr/>
          </p:nvSpPr>
          <p:spPr>
            <a:xfrm>
              <a:off x="5513832" y="4910328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20"/>
                  </a:moveTo>
                  <a:lnTo>
                    <a:pt x="377951" y="350520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CF6CA3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56" name="object 56"/>
            <p:cNvPicPr/>
            <p:nvPr/>
          </p:nvPicPr>
          <p:blipFill>
            <a:blip r:embed="rId19" cstate="print"/>
            <a:stretch>
              <a:fillRect/>
            </a:stretch>
          </p:blipFill>
          <p:spPr>
            <a:xfrm>
              <a:off x="5974080" y="5369052"/>
              <a:ext cx="377951" cy="352044"/>
            </a:xfrm>
            <a:prstGeom prst="rect">
              <a:avLst/>
            </a:prstGeom>
          </p:spPr>
        </p:pic>
        <p:sp>
          <p:nvSpPr>
            <p:cNvPr id="57" name="object 57"/>
            <p:cNvSpPr/>
            <p:nvPr/>
          </p:nvSpPr>
          <p:spPr>
            <a:xfrm>
              <a:off x="5974080" y="5369052"/>
              <a:ext cx="378460" cy="352425"/>
            </a:xfrm>
            <a:custGeom>
              <a:avLst/>
              <a:gdLst/>
              <a:ahLst/>
              <a:cxnLst/>
              <a:rect l="l" t="t" r="r" b="b"/>
              <a:pathLst>
                <a:path w="378460" h="352425">
                  <a:moveTo>
                    <a:pt x="0" y="352044"/>
                  </a:moveTo>
                  <a:lnTo>
                    <a:pt x="377951" y="352044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2044"/>
                  </a:lnTo>
                  <a:close/>
                </a:path>
              </a:pathLst>
            </a:custGeom>
            <a:ln w="9525">
              <a:solidFill>
                <a:srgbClr val="CF6CA3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58" name="object 58"/>
          <p:cNvSpPr txBox="1"/>
          <p:nvPr/>
        </p:nvSpPr>
        <p:spPr>
          <a:xfrm>
            <a:off x="6054597" y="5398109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5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59" name="object 59"/>
          <p:cNvGrpSpPr/>
          <p:nvPr/>
        </p:nvGrpSpPr>
        <p:grpSpPr>
          <a:xfrm>
            <a:off x="6429565" y="5809297"/>
            <a:ext cx="1303655" cy="803910"/>
            <a:chOff x="6429565" y="5809297"/>
            <a:chExt cx="1303655" cy="803910"/>
          </a:xfrm>
        </p:grpSpPr>
        <p:pic>
          <p:nvPicPr>
            <p:cNvPr id="60" name="object 60"/>
            <p:cNvPicPr/>
            <p:nvPr/>
          </p:nvPicPr>
          <p:blipFill>
            <a:blip r:embed="rId20" cstate="print"/>
            <a:stretch>
              <a:fillRect/>
            </a:stretch>
          </p:blipFill>
          <p:spPr>
            <a:xfrm>
              <a:off x="6434328" y="5814059"/>
              <a:ext cx="377951" cy="350520"/>
            </a:xfrm>
            <a:prstGeom prst="rect">
              <a:avLst/>
            </a:prstGeom>
          </p:spPr>
        </p:pic>
        <p:sp>
          <p:nvSpPr>
            <p:cNvPr id="61" name="object 61"/>
            <p:cNvSpPr/>
            <p:nvPr/>
          </p:nvSpPr>
          <p:spPr>
            <a:xfrm>
              <a:off x="6434328" y="5814059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59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CF6CA3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62" name="object 62"/>
            <p:cNvPicPr/>
            <p:nvPr/>
          </p:nvPicPr>
          <p:blipFill>
            <a:blip r:embed="rId21" cstate="print"/>
            <a:stretch>
              <a:fillRect/>
            </a:stretch>
          </p:blipFill>
          <p:spPr>
            <a:xfrm>
              <a:off x="6891528" y="6257543"/>
              <a:ext cx="377951" cy="350520"/>
            </a:xfrm>
            <a:prstGeom prst="rect">
              <a:avLst/>
            </a:prstGeom>
          </p:spPr>
        </p:pic>
        <p:sp>
          <p:nvSpPr>
            <p:cNvPr id="63" name="object 63"/>
            <p:cNvSpPr/>
            <p:nvPr/>
          </p:nvSpPr>
          <p:spPr>
            <a:xfrm>
              <a:off x="6891528" y="6257543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59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CF6CA3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64" name="object 64"/>
            <p:cNvPicPr/>
            <p:nvPr/>
          </p:nvPicPr>
          <p:blipFill>
            <a:blip r:embed="rId22" cstate="print"/>
            <a:stretch>
              <a:fillRect/>
            </a:stretch>
          </p:blipFill>
          <p:spPr>
            <a:xfrm>
              <a:off x="7354824" y="6257543"/>
              <a:ext cx="377951" cy="350520"/>
            </a:xfrm>
            <a:prstGeom prst="rect">
              <a:avLst/>
            </a:prstGeom>
          </p:spPr>
        </p:pic>
      </p:grpSp>
      <p:sp>
        <p:nvSpPr>
          <p:cNvPr id="65" name="object 65"/>
          <p:cNvSpPr txBox="1"/>
          <p:nvPr/>
        </p:nvSpPr>
        <p:spPr>
          <a:xfrm>
            <a:off x="5133847" y="6285687"/>
            <a:ext cx="251841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471805" algn="l"/>
                <a:tab pos="932815" algn="l"/>
                <a:tab pos="1392555" algn="l"/>
                <a:tab pos="1850389" algn="l"/>
                <a:tab pos="2313305" algn="l"/>
              </a:tabLst>
            </a:pPr>
            <a:r>
              <a:rPr sz="1800" dirty="0">
                <a:latin typeface="Arial MT"/>
                <a:cs typeface="Arial MT"/>
              </a:rPr>
              <a:t>I1	I2	I3	I4	I5	I6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66" name="object 66"/>
          <p:cNvGrpSpPr/>
          <p:nvPr/>
        </p:nvGrpSpPr>
        <p:grpSpPr>
          <a:xfrm>
            <a:off x="6886765" y="5809297"/>
            <a:ext cx="387985" cy="360045"/>
            <a:chOff x="6886765" y="5809297"/>
            <a:chExt cx="387985" cy="360045"/>
          </a:xfrm>
        </p:grpSpPr>
        <p:pic>
          <p:nvPicPr>
            <p:cNvPr id="67" name="object 67"/>
            <p:cNvPicPr/>
            <p:nvPr/>
          </p:nvPicPr>
          <p:blipFill>
            <a:blip r:embed="rId23" cstate="print"/>
            <a:stretch>
              <a:fillRect/>
            </a:stretch>
          </p:blipFill>
          <p:spPr>
            <a:xfrm>
              <a:off x="6891528" y="5814059"/>
              <a:ext cx="377951" cy="350520"/>
            </a:xfrm>
            <a:prstGeom prst="rect">
              <a:avLst/>
            </a:prstGeom>
          </p:spPr>
        </p:pic>
        <p:sp>
          <p:nvSpPr>
            <p:cNvPr id="68" name="object 68"/>
            <p:cNvSpPr/>
            <p:nvPr/>
          </p:nvSpPr>
          <p:spPr>
            <a:xfrm>
              <a:off x="6891528" y="5814059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59" h="350520">
                  <a:moveTo>
                    <a:pt x="0" y="350519"/>
                  </a:moveTo>
                  <a:lnTo>
                    <a:pt x="377951" y="350519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69" name="object 69"/>
          <p:cNvSpPr txBox="1"/>
          <p:nvPr/>
        </p:nvSpPr>
        <p:spPr>
          <a:xfrm>
            <a:off x="4672329" y="5841898"/>
            <a:ext cx="251650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473709" algn="l"/>
                <a:tab pos="933450" algn="l"/>
                <a:tab pos="1394460" algn="l"/>
                <a:tab pos="1854200" algn="l"/>
                <a:tab pos="2312035" algn="l"/>
              </a:tabLst>
            </a:pPr>
            <a:r>
              <a:rPr sz="1800" dirty="0">
                <a:latin typeface="Arial MT"/>
                <a:cs typeface="Arial MT"/>
              </a:rPr>
              <a:t>I1	I2	I3	I4	I5	I6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70" name="object 70"/>
          <p:cNvGrpSpPr/>
          <p:nvPr/>
        </p:nvGrpSpPr>
        <p:grpSpPr>
          <a:xfrm>
            <a:off x="6426517" y="5352097"/>
            <a:ext cx="389255" cy="360045"/>
            <a:chOff x="6426517" y="5352097"/>
            <a:chExt cx="389255" cy="360045"/>
          </a:xfrm>
        </p:grpSpPr>
        <p:pic>
          <p:nvPicPr>
            <p:cNvPr id="71" name="object 71"/>
            <p:cNvPicPr/>
            <p:nvPr/>
          </p:nvPicPr>
          <p:blipFill>
            <a:blip r:embed="rId24" cstate="print"/>
            <a:stretch>
              <a:fillRect/>
            </a:stretch>
          </p:blipFill>
          <p:spPr>
            <a:xfrm>
              <a:off x="6431279" y="5356859"/>
              <a:ext cx="379475" cy="350519"/>
            </a:xfrm>
            <a:prstGeom prst="rect">
              <a:avLst/>
            </a:prstGeom>
          </p:spPr>
        </p:pic>
        <p:sp>
          <p:nvSpPr>
            <p:cNvPr id="72" name="object 72"/>
            <p:cNvSpPr/>
            <p:nvPr/>
          </p:nvSpPr>
          <p:spPr>
            <a:xfrm>
              <a:off x="6431279" y="5356859"/>
              <a:ext cx="379730" cy="350520"/>
            </a:xfrm>
            <a:custGeom>
              <a:avLst/>
              <a:gdLst/>
              <a:ahLst/>
              <a:cxnLst/>
              <a:rect l="l" t="t" r="r" b="b"/>
              <a:pathLst>
                <a:path w="379729" h="350520">
                  <a:moveTo>
                    <a:pt x="0" y="350519"/>
                  </a:moveTo>
                  <a:lnTo>
                    <a:pt x="379475" y="350519"/>
                  </a:lnTo>
                  <a:lnTo>
                    <a:pt x="379475" y="0"/>
                  </a:lnTo>
                  <a:lnTo>
                    <a:pt x="0" y="0"/>
                  </a:lnTo>
                  <a:lnTo>
                    <a:pt x="0" y="350519"/>
                  </a:lnTo>
                  <a:close/>
                </a:path>
              </a:pathLst>
            </a:custGeom>
            <a:ln w="952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73" name="object 73"/>
          <p:cNvSpPr txBox="1"/>
          <p:nvPr/>
        </p:nvSpPr>
        <p:spPr>
          <a:xfrm>
            <a:off x="6512179" y="5384698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6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74" name="object 74"/>
          <p:cNvGrpSpPr/>
          <p:nvPr/>
        </p:nvGrpSpPr>
        <p:grpSpPr>
          <a:xfrm>
            <a:off x="5969317" y="4905565"/>
            <a:ext cx="387985" cy="360045"/>
            <a:chOff x="5969317" y="4905565"/>
            <a:chExt cx="387985" cy="360045"/>
          </a:xfrm>
        </p:grpSpPr>
        <p:pic>
          <p:nvPicPr>
            <p:cNvPr id="75" name="object 75"/>
            <p:cNvPicPr/>
            <p:nvPr/>
          </p:nvPicPr>
          <p:blipFill>
            <a:blip r:embed="rId22" cstate="print"/>
            <a:stretch>
              <a:fillRect/>
            </a:stretch>
          </p:blipFill>
          <p:spPr>
            <a:xfrm>
              <a:off x="5974079" y="4910328"/>
              <a:ext cx="377951" cy="350520"/>
            </a:xfrm>
            <a:prstGeom prst="rect">
              <a:avLst/>
            </a:prstGeom>
          </p:spPr>
        </p:pic>
        <p:sp>
          <p:nvSpPr>
            <p:cNvPr id="76" name="object 76"/>
            <p:cNvSpPr/>
            <p:nvPr/>
          </p:nvSpPr>
          <p:spPr>
            <a:xfrm>
              <a:off x="5974079" y="4910328"/>
              <a:ext cx="378460" cy="350520"/>
            </a:xfrm>
            <a:custGeom>
              <a:avLst/>
              <a:gdLst/>
              <a:ahLst/>
              <a:cxnLst/>
              <a:rect l="l" t="t" r="r" b="b"/>
              <a:pathLst>
                <a:path w="378460" h="350520">
                  <a:moveTo>
                    <a:pt x="0" y="350520"/>
                  </a:moveTo>
                  <a:lnTo>
                    <a:pt x="377951" y="350520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50520"/>
                  </a:lnTo>
                  <a:close/>
                </a:path>
              </a:pathLst>
            </a:custGeom>
            <a:ln w="952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77" name="object 77"/>
          <p:cNvSpPr txBox="1"/>
          <p:nvPr/>
        </p:nvSpPr>
        <p:spPr>
          <a:xfrm>
            <a:off x="5593207" y="4938521"/>
            <a:ext cx="67881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473709" algn="l"/>
              </a:tabLst>
            </a:pPr>
            <a:r>
              <a:rPr sz="1800" dirty="0">
                <a:latin typeface="Arial MT"/>
                <a:cs typeface="Arial MT"/>
              </a:rPr>
              <a:t>I5	I6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78" name="object 78"/>
          <p:cNvSpPr txBox="1"/>
          <p:nvPr/>
        </p:nvSpPr>
        <p:spPr>
          <a:xfrm>
            <a:off x="8212328" y="4628515"/>
            <a:ext cx="129222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latin typeface="Arial MT"/>
                <a:cs typeface="Arial MT"/>
              </a:rPr>
              <a:t>Clock</a:t>
            </a:r>
            <a:r>
              <a:rPr sz="1800" spc="-50" dirty="0">
                <a:latin typeface="Arial MT"/>
                <a:cs typeface="Arial MT"/>
              </a:rPr>
              <a:t> </a:t>
            </a:r>
            <a:r>
              <a:rPr sz="1800" spc="-10" dirty="0">
                <a:latin typeface="Arial MT"/>
                <a:cs typeface="Arial MT"/>
              </a:rPr>
              <a:t>cycles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79" name="object 79"/>
          <p:cNvSpPr txBox="1"/>
          <p:nvPr/>
        </p:nvSpPr>
        <p:spPr>
          <a:xfrm>
            <a:off x="2275713" y="4922901"/>
            <a:ext cx="93853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latin typeface="Arial MT"/>
                <a:cs typeface="Arial MT"/>
              </a:rPr>
              <a:t>S</a:t>
            </a:r>
            <a:r>
              <a:rPr sz="1800" spc="-15" dirty="0">
                <a:latin typeface="Arial MT"/>
                <a:cs typeface="Arial MT"/>
              </a:rPr>
              <a:t>e</a:t>
            </a:r>
            <a:r>
              <a:rPr sz="1800" spc="-5" dirty="0">
                <a:latin typeface="Arial MT"/>
                <a:cs typeface="Arial MT"/>
              </a:rPr>
              <a:t>gm</a:t>
            </a:r>
            <a:r>
              <a:rPr sz="1800" spc="-15" dirty="0">
                <a:latin typeface="Arial MT"/>
                <a:cs typeface="Arial MT"/>
              </a:rPr>
              <a:t>e</a:t>
            </a:r>
            <a:r>
              <a:rPr sz="1800" dirty="0">
                <a:latin typeface="Arial MT"/>
                <a:cs typeface="Arial MT"/>
              </a:rPr>
              <a:t>nt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80" name="object 80"/>
          <p:cNvSpPr txBox="1"/>
          <p:nvPr/>
        </p:nvSpPr>
        <p:spPr>
          <a:xfrm>
            <a:off x="3266694" y="4938521"/>
            <a:ext cx="1623060" cy="166497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88900">
              <a:lnSpc>
                <a:spcPct val="100000"/>
              </a:lnSpc>
              <a:spcBef>
                <a:spcPts val="100"/>
              </a:spcBef>
              <a:tabLst>
                <a:tab pos="497205" algn="l"/>
                <a:tab pos="960755" algn="l"/>
                <a:tab pos="1417955" algn="l"/>
              </a:tabLst>
            </a:pPr>
            <a:r>
              <a:rPr sz="1800" dirty="0">
                <a:latin typeface="Arial MT"/>
                <a:cs typeface="Arial MT"/>
              </a:rPr>
              <a:t>IF	I1	I2	I3</a:t>
            </a:r>
            <a:endParaRPr sz="1800">
              <a:latin typeface="Arial MT"/>
              <a:cs typeface="Arial MT"/>
            </a:endParaRPr>
          </a:p>
          <a:p>
            <a:pPr marL="12700" marR="1283335" indent="76200">
              <a:lnSpc>
                <a:spcPts val="3600"/>
              </a:lnSpc>
              <a:spcBef>
                <a:spcPts val="270"/>
              </a:spcBef>
            </a:pPr>
            <a:r>
              <a:rPr sz="1800" dirty="0">
                <a:latin typeface="Arial MT"/>
                <a:cs typeface="Arial MT"/>
              </a:rPr>
              <a:t>ID  OF</a:t>
            </a:r>
            <a:endParaRPr sz="1800">
              <a:latin typeface="Arial MT"/>
              <a:cs typeface="Arial MT"/>
            </a:endParaRPr>
          </a:p>
          <a:p>
            <a:pPr marL="12700">
              <a:lnSpc>
                <a:spcPct val="100000"/>
              </a:lnSpc>
              <a:spcBef>
                <a:spcPts val="1120"/>
              </a:spcBef>
            </a:pPr>
            <a:r>
              <a:rPr sz="1800" spc="-5" dirty="0">
                <a:latin typeface="Arial MT"/>
                <a:cs typeface="Arial MT"/>
              </a:rPr>
              <a:t>EX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81" name="object 81"/>
          <p:cNvGrpSpPr/>
          <p:nvPr/>
        </p:nvGrpSpPr>
        <p:grpSpPr>
          <a:xfrm>
            <a:off x="3631946" y="2336545"/>
            <a:ext cx="4508500" cy="4295775"/>
            <a:chOff x="3631946" y="2336545"/>
            <a:chExt cx="4508500" cy="4295775"/>
          </a:xfrm>
        </p:grpSpPr>
        <p:sp>
          <p:nvSpPr>
            <p:cNvPr id="82" name="object 82"/>
            <p:cNvSpPr/>
            <p:nvPr/>
          </p:nvSpPr>
          <p:spPr>
            <a:xfrm>
              <a:off x="3652266" y="2349245"/>
              <a:ext cx="4139565" cy="4270375"/>
            </a:xfrm>
            <a:custGeom>
              <a:avLst/>
              <a:gdLst/>
              <a:ahLst/>
              <a:cxnLst/>
              <a:rect l="l" t="t" r="r" b="b"/>
              <a:pathLst>
                <a:path w="4139565" h="4270375">
                  <a:moveTo>
                    <a:pt x="1380744" y="2211323"/>
                  </a:moveTo>
                  <a:lnTo>
                    <a:pt x="1380744" y="4270248"/>
                  </a:lnTo>
                </a:path>
                <a:path w="4139565" h="4270375">
                  <a:moveTo>
                    <a:pt x="0" y="0"/>
                  </a:moveTo>
                  <a:lnTo>
                    <a:pt x="0" y="1776983"/>
                  </a:lnTo>
                </a:path>
                <a:path w="4139565" h="4270375">
                  <a:moveTo>
                    <a:pt x="460248" y="0"/>
                  </a:moveTo>
                  <a:lnTo>
                    <a:pt x="460248" y="1776983"/>
                  </a:lnTo>
                </a:path>
                <a:path w="4139565" h="4270375">
                  <a:moveTo>
                    <a:pt x="920496" y="0"/>
                  </a:moveTo>
                  <a:lnTo>
                    <a:pt x="920496" y="1776983"/>
                  </a:lnTo>
                </a:path>
                <a:path w="4139565" h="4270375">
                  <a:moveTo>
                    <a:pt x="1839468" y="0"/>
                  </a:moveTo>
                  <a:lnTo>
                    <a:pt x="1839468" y="1776983"/>
                  </a:lnTo>
                </a:path>
                <a:path w="4139565" h="4270375">
                  <a:moveTo>
                    <a:pt x="2299716" y="0"/>
                  </a:moveTo>
                  <a:lnTo>
                    <a:pt x="2299716" y="1776983"/>
                  </a:lnTo>
                </a:path>
                <a:path w="4139565" h="4270375">
                  <a:moveTo>
                    <a:pt x="2759964" y="0"/>
                  </a:moveTo>
                  <a:lnTo>
                    <a:pt x="2759964" y="1776983"/>
                  </a:lnTo>
                </a:path>
                <a:path w="4139565" h="4270375">
                  <a:moveTo>
                    <a:pt x="3218688" y="0"/>
                  </a:moveTo>
                  <a:lnTo>
                    <a:pt x="3218688" y="1776983"/>
                  </a:lnTo>
                </a:path>
                <a:path w="4139565" h="4270375">
                  <a:moveTo>
                    <a:pt x="3680460" y="0"/>
                  </a:moveTo>
                  <a:lnTo>
                    <a:pt x="3680460" y="1776983"/>
                  </a:lnTo>
                </a:path>
                <a:path w="4139565" h="4270375">
                  <a:moveTo>
                    <a:pt x="4139184" y="0"/>
                  </a:moveTo>
                  <a:lnTo>
                    <a:pt x="4139184" y="1776983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3" name="object 83"/>
            <p:cNvSpPr/>
            <p:nvPr/>
          </p:nvSpPr>
          <p:spPr>
            <a:xfrm>
              <a:off x="3644646" y="2558668"/>
              <a:ext cx="4495800" cy="50800"/>
            </a:xfrm>
            <a:custGeom>
              <a:avLst/>
              <a:gdLst/>
              <a:ahLst/>
              <a:cxnLst/>
              <a:rect l="l" t="t" r="r" b="b"/>
              <a:pathLst>
                <a:path w="4495800" h="50800">
                  <a:moveTo>
                    <a:pt x="4470526" y="37973"/>
                  </a:moveTo>
                  <a:lnTo>
                    <a:pt x="4457745" y="37990"/>
                  </a:lnTo>
                  <a:lnTo>
                    <a:pt x="4445000" y="50800"/>
                  </a:lnTo>
                  <a:lnTo>
                    <a:pt x="4470526" y="37973"/>
                  </a:lnTo>
                  <a:close/>
                </a:path>
                <a:path w="4495800" h="50800">
                  <a:moveTo>
                    <a:pt x="4457653" y="12590"/>
                  </a:moveTo>
                  <a:lnTo>
                    <a:pt x="0" y="18668"/>
                  </a:lnTo>
                  <a:lnTo>
                    <a:pt x="0" y="44068"/>
                  </a:lnTo>
                  <a:lnTo>
                    <a:pt x="4457745" y="37990"/>
                  </a:lnTo>
                  <a:lnTo>
                    <a:pt x="4470400" y="25272"/>
                  </a:lnTo>
                  <a:lnTo>
                    <a:pt x="4457653" y="12590"/>
                  </a:lnTo>
                  <a:close/>
                </a:path>
                <a:path w="4495800" h="50800">
                  <a:moveTo>
                    <a:pt x="4470272" y="12573"/>
                  </a:moveTo>
                  <a:lnTo>
                    <a:pt x="4457653" y="12590"/>
                  </a:lnTo>
                  <a:lnTo>
                    <a:pt x="4470400" y="25272"/>
                  </a:lnTo>
                  <a:lnTo>
                    <a:pt x="4457745" y="37990"/>
                  </a:lnTo>
                  <a:lnTo>
                    <a:pt x="4470526" y="37973"/>
                  </a:lnTo>
                  <a:lnTo>
                    <a:pt x="4470400" y="12636"/>
                  </a:lnTo>
                  <a:lnTo>
                    <a:pt x="4470272" y="12573"/>
                  </a:lnTo>
                  <a:close/>
                </a:path>
                <a:path w="4495800" h="50800">
                  <a:moveTo>
                    <a:pt x="4470400" y="12636"/>
                  </a:moveTo>
                  <a:lnTo>
                    <a:pt x="4470526" y="37972"/>
                  </a:lnTo>
                  <a:lnTo>
                    <a:pt x="4495800" y="25272"/>
                  </a:lnTo>
                  <a:lnTo>
                    <a:pt x="4470400" y="12636"/>
                  </a:lnTo>
                  <a:close/>
                </a:path>
                <a:path w="4495800" h="50800">
                  <a:moveTo>
                    <a:pt x="4470400" y="12572"/>
                  </a:moveTo>
                  <a:close/>
                </a:path>
                <a:path w="4495800" h="50800">
                  <a:moveTo>
                    <a:pt x="4445000" y="0"/>
                  </a:moveTo>
                  <a:lnTo>
                    <a:pt x="4457653" y="12590"/>
                  </a:lnTo>
                  <a:lnTo>
                    <a:pt x="4470272" y="12573"/>
                  </a:lnTo>
                  <a:lnTo>
                    <a:pt x="4445000" y="0"/>
                  </a:lnTo>
                  <a:close/>
                </a:path>
              </a:pathLst>
            </a:custGeom>
            <a:solidFill>
              <a:srgbClr val="00000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4" name="object 84"/>
            <p:cNvSpPr/>
            <p:nvPr/>
          </p:nvSpPr>
          <p:spPr>
            <a:xfrm>
              <a:off x="3644646" y="2971037"/>
              <a:ext cx="4139565" cy="399415"/>
            </a:xfrm>
            <a:custGeom>
              <a:avLst/>
              <a:gdLst/>
              <a:ahLst/>
              <a:cxnLst/>
              <a:rect l="l" t="t" r="r" b="b"/>
              <a:pathLst>
                <a:path w="4139565" h="399414">
                  <a:moveTo>
                    <a:pt x="0" y="0"/>
                  </a:moveTo>
                  <a:lnTo>
                    <a:pt x="4139183" y="0"/>
                  </a:lnTo>
                </a:path>
                <a:path w="4139565" h="399414">
                  <a:moveTo>
                    <a:pt x="0" y="399288"/>
                  </a:moveTo>
                  <a:lnTo>
                    <a:pt x="4139183" y="399288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5" name="object 85"/>
            <p:cNvSpPr/>
            <p:nvPr/>
          </p:nvSpPr>
          <p:spPr>
            <a:xfrm>
              <a:off x="3644646" y="3740023"/>
              <a:ext cx="4139565" cy="12700"/>
            </a:xfrm>
            <a:custGeom>
              <a:avLst/>
              <a:gdLst/>
              <a:ahLst/>
              <a:cxnLst/>
              <a:rect l="l" t="t" r="r" b="b"/>
              <a:pathLst>
                <a:path w="4139565" h="12700">
                  <a:moveTo>
                    <a:pt x="0" y="0"/>
                  </a:moveTo>
                  <a:lnTo>
                    <a:pt x="4139183" y="0"/>
                  </a:lnTo>
                </a:path>
                <a:path w="4139565" h="12700">
                  <a:moveTo>
                    <a:pt x="0" y="12699"/>
                  </a:moveTo>
                  <a:lnTo>
                    <a:pt x="4139183" y="12699"/>
                  </a:lnTo>
                </a:path>
              </a:pathLst>
            </a:custGeom>
            <a:ln w="3175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86" name="object 86"/>
            <p:cNvSpPr/>
            <p:nvPr/>
          </p:nvSpPr>
          <p:spPr>
            <a:xfrm>
              <a:off x="3644646" y="4133850"/>
              <a:ext cx="4139565" cy="0"/>
            </a:xfrm>
            <a:custGeom>
              <a:avLst/>
              <a:gdLst/>
              <a:ahLst/>
              <a:cxnLst/>
              <a:rect l="l" t="t" r="r" b="b"/>
              <a:pathLst>
                <a:path w="4139565">
                  <a:moveTo>
                    <a:pt x="0" y="0"/>
                  </a:moveTo>
                  <a:lnTo>
                    <a:pt x="4139183" y="0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87" name="object 87"/>
            <p:cNvPicPr/>
            <p:nvPr/>
          </p:nvPicPr>
          <p:blipFill>
            <a:blip r:embed="rId25" cstate="print"/>
            <a:stretch>
              <a:fillRect/>
            </a:stretch>
          </p:blipFill>
          <p:spPr>
            <a:xfrm>
              <a:off x="3692652" y="2628899"/>
              <a:ext cx="377951" cy="324612"/>
            </a:xfrm>
            <a:prstGeom prst="rect">
              <a:avLst/>
            </a:prstGeom>
          </p:spPr>
        </p:pic>
        <p:sp>
          <p:nvSpPr>
            <p:cNvPr id="88" name="object 88"/>
            <p:cNvSpPr/>
            <p:nvPr/>
          </p:nvSpPr>
          <p:spPr>
            <a:xfrm>
              <a:off x="3692652" y="2628899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19">
                  <a:moveTo>
                    <a:pt x="0" y="324612"/>
                  </a:moveTo>
                  <a:lnTo>
                    <a:pt x="377951" y="324612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2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89" name="object 89"/>
          <p:cNvSpPr txBox="1"/>
          <p:nvPr/>
        </p:nvSpPr>
        <p:spPr>
          <a:xfrm>
            <a:off x="3772280" y="2656154"/>
            <a:ext cx="21717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1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90" name="object 90"/>
          <p:cNvGrpSpPr/>
          <p:nvPr/>
        </p:nvGrpSpPr>
        <p:grpSpPr>
          <a:xfrm>
            <a:off x="4151185" y="3009709"/>
            <a:ext cx="387985" cy="334645"/>
            <a:chOff x="4151185" y="3009709"/>
            <a:chExt cx="387985" cy="334645"/>
          </a:xfrm>
        </p:grpSpPr>
        <p:pic>
          <p:nvPicPr>
            <p:cNvPr id="91" name="object 91"/>
            <p:cNvPicPr/>
            <p:nvPr/>
          </p:nvPicPr>
          <p:blipFill>
            <a:blip r:embed="rId26" cstate="print"/>
            <a:stretch>
              <a:fillRect/>
            </a:stretch>
          </p:blipFill>
          <p:spPr>
            <a:xfrm>
              <a:off x="4155947" y="3014472"/>
              <a:ext cx="377951" cy="324612"/>
            </a:xfrm>
            <a:prstGeom prst="rect">
              <a:avLst/>
            </a:prstGeom>
          </p:spPr>
        </p:pic>
        <p:sp>
          <p:nvSpPr>
            <p:cNvPr id="92" name="object 92"/>
            <p:cNvSpPr/>
            <p:nvPr/>
          </p:nvSpPr>
          <p:spPr>
            <a:xfrm>
              <a:off x="4155947" y="3014472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20">
                  <a:moveTo>
                    <a:pt x="0" y="324612"/>
                  </a:moveTo>
                  <a:lnTo>
                    <a:pt x="377951" y="324612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2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93" name="object 93"/>
          <p:cNvSpPr txBox="1"/>
          <p:nvPr/>
        </p:nvSpPr>
        <p:spPr>
          <a:xfrm>
            <a:off x="4235577" y="3042615"/>
            <a:ext cx="21717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1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94" name="object 94"/>
          <p:cNvGrpSpPr/>
          <p:nvPr/>
        </p:nvGrpSpPr>
        <p:grpSpPr>
          <a:xfrm>
            <a:off x="4600765" y="3412045"/>
            <a:ext cx="387985" cy="334645"/>
            <a:chOff x="4600765" y="3412045"/>
            <a:chExt cx="387985" cy="334645"/>
          </a:xfrm>
        </p:grpSpPr>
        <p:pic>
          <p:nvPicPr>
            <p:cNvPr id="95" name="object 95"/>
            <p:cNvPicPr/>
            <p:nvPr/>
          </p:nvPicPr>
          <p:blipFill>
            <a:blip r:embed="rId27" cstate="print"/>
            <a:stretch>
              <a:fillRect/>
            </a:stretch>
          </p:blipFill>
          <p:spPr>
            <a:xfrm>
              <a:off x="4605528" y="3416808"/>
              <a:ext cx="377951" cy="324611"/>
            </a:xfrm>
            <a:prstGeom prst="rect">
              <a:avLst/>
            </a:prstGeom>
          </p:spPr>
        </p:pic>
        <p:sp>
          <p:nvSpPr>
            <p:cNvPr id="96" name="object 96"/>
            <p:cNvSpPr/>
            <p:nvPr/>
          </p:nvSpPr>
          <p:spPr>
            <a:xfrm>
              <a:off x="4605528" y="3416808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20">
                  <a:moveTo>
                    <a:pt x="0" y="324611"/>
                  </a:moveTo>
                  <a:lnTo>
                    <a:pt x="377951" y="324611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1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97" name="object 97"/>
          <p:cNvSpPr txBox="1"/>
          <p:nvPr/>
        </p:nvSpPr>
        <p:spPr>
          <a:xfrm>
            <a:off x="4684903" y="3444697"/>
            <a:ext cx="21717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1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98" name="object 98"/>
          <p:cNvGrpSpPr/>
          <p:nvPr/>
        </p:nvGrpSpPr>
        <p:grpSpPr>
          <a:xfrm>
            <a:off x="5061013" y="3779329"/>
            <a:ext cx="387985" cy="334645"/>
            <a:chOff x="5061013" y="3779329"/>
            <a:chExt cx="387985" cy="334645"/>
          </a:xfrm>
        </p:grpSpPr>
        <p:pic>
          <p:nvPicPr>
            <p:cNvPr id="99" name="object 99"/>
            <p:cNvPicPr/>
            <p:nvPr/>
          </p:nvPicPr>
          <p:blipFill>
            <a:blip r:embed="rId26" cstate="print"/>
            <a:stretch>
              <a:fillRect/>
            </a:stretch>
          </p:blipFill>
          <p:spPr>
            <a:xfrm>
              <a:off x="5065776" y="3784091"/>
              <a:ext cx="377951" cy="324612"/>
            </a:xfrm>
            <a:prstGeom prst="rect">
              <a:avLst/>
            </a:prstGeom>
          </p:spPr>
        </p:pic>
        <p:sp>
          <p:nvSpPr>
            <p:cNvPr id="100" name="object 100"/>
            <p:cNvSpPr/>
            <p:nvPr/>
          </p:nvSpPr>
          <p:spPr>
            <a:xfrm>
              <a:off x="5065776" y="3784091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20">
                  <a:moveTo>
                    <a:pt x="0" y="324611"/>
                  </a:moveTo>
                  <a:lnTo>
                    <a:pt x="377951" y="324611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1"/>
                  </a:lnTo>
                  <a:close/>
                </a:path>
              </a:pathLst>
            </a:custGeom>
            <a:ln w="9525">
              <a:solidFill>
                <a:srgbClr val="B83C68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01" name="object 101"/>
          <p:cNvSpPr txBox="1"/>
          <p:nvPr/>
        </p:nvSpPr>
        <p:spPr>
          <a:xfrm>
            <a:off x="5146040" y="3811651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1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02" name="object 102"/>
          <p:cNvSpPr txBox="1"/>
          <p:nvPr/>
        </p:nvSpPr>
        <p:spPr>
          <a:xfrm>
            <a:off x="8207756" y="2422397"/>
            <a:ext cx="129222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latin typeface="Arial MT"/>
                <a:cs typeface="Arial MT"/>
              </a:rPr>
              <a:t>Clock</a:t>
            </a:r>
            <a:r>
              <a:rPr sz="1800" spc="-50" dirty="0">
                <a:latin typeface="Arial MT"/>
                <a:cs typeface="Arial MT"/>
              </a:rPr>
              <a:t> </a:t>
            </a:r>
            <a:r>
              <a:rPr sz="1800" spc="-10" dirty="0">
                <a:latin typeface="Arial MT"/>
                <a:cs typeface="Arial MT"/>
              </a:rPr>
              <a:t>cycles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03" name="object 103"/>
          <p:cNvSpPr txBox="1"/>
          <p:nvPr/>
        </p:nvSpPr>
        <p:spPr>
          <a:xfrm>
            <a:off x="3258439" y="2580075"/>
            <a:ext cx="344170" cy="1532255"/>
          </a:xfrm>
          <a:prstGeom prst="rect">
            <a:avLst/>
          </a:prstGeom>
        </p:spPr>
        <p:txBody>
          <a:bodyPr vert="horz" wrap="square" lIns="0" tIns="122555" rIns="0" bIns="0" rtlCol="0">
            <a:spAutoFit/>
          </a:bodyPr>
          <a:lstStyle/>
          <a:p>
            <a:pPr marL="88900">
              <a:lnSpc>
                <a:spcPct val="100000"/>
              </a:lnSpc>
              <a:spcBef>
                <a:spcPts val="965"/>
              </a:spcBef>
            </a:pPr>
            <a:r>
              <a:rPr sz="1800" dirty="0">
                <a:latin typeface="Arial MT"/>
                <a:cs typeface="Arial MT"/>
              </a:rPr>
              <a:t>IF</a:t>
            </a:r>
            <a:endParaRPr sz="1800">
              <a:latin typeface="Arial MT"/>
              <a:cs typeface="Arial MT"/>
            </a:endParaRPr>
          </a:p>
          <a:p>
            <a:pPr marL="12700" marR="5080" indent="76200" algn="just">
              <a:lnSpc>
                <a:spcPct val="134400"/>
              </a:lnSpc>
              <a:spcBef>
                <a:spcPts val="130"/>
              </a:spcBef>
            </a:pPr>
            <a:r>
              <a:rPr sz="1800" dirty="0">
                <a:latin typeface="Arial MT"/>
                <a:cs typeface="Arial MT"/>
              </a:rPr>
              <a:t>ID  OF  </a:t>
            </a:r>
            <a:r>
              <a:rPr sz="1800" spc="-5" dirty="0">
                <a:latin typeface="Arial MT"/>
                <a:cs typeface="Arial MT"/>
              </a:rPr>
              <a:t>EX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104" name="object 104"/>
          <p:cNvGrpSpPr/>
          <p:nvPr/>
        </p:nvGrpSpPr>
        <p:grpSpPr>
          <a:xfrm>
            <a:off x="5015738" y="2348738"/>
            <a:ext cx="894715" cy="1802764"/>
            <a:chOff x="5015738" y="2348738"/>
            <a:chExt cx="894715" cy="1802764"/>
          </a:xfrm>
        </p:grpSpPr>
        <p:sp>
          <p:nvSpPr>
            <p:cNvPr id="105" name="object 105"/>
            <p:cNvSpPr/>
            <p:nvPr/>
          </p:nvSpPr>
          <p:spPr>
            <a:xfrm>
              <a:off x="5028438" y="2361438"/>
              <a:ext cx="0" cy="1777364"/>
            </a:xfrm>
            <a:custGeom>
              <a:avLst/>
              <a:gdLst/>
              <a:ahLst/>
              <a:cxnLst/>
              <a:rect l="l" t="t" r="r" b="b"/>
              <a:pathLst>
                <a:path h="1777364">
                  <a:moveTo>
                    <a:pt x="0" y="0"/>
                  </a:moveTo>
                  <a:lnTo>
                    <a:pt x="0" y="1776984"/>
                  </a:lnTo>
                </a:path>
              </a:pathLst>
            </a:custGeom>
            <a:ln w="25398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  <p:pic>
          <p:nvPicPr>
            <p:cNvPr id="106" name="object 106"/>
            <p:cNvPicPr/>
            <p:nvPr/>
          </p:nvPicPr>
          <p:blipFill>
            <a:blip r:embed="rId28" cstate="print"/>
            <a:stretch>
              <a:fillRect/>
            </a:stretch>
          </p:blipFill>
          <p:spPr>
            <a:xfrm>
              <a:off x="5527548" y="2616708"/>
              <a:ext cx="377951" cy="324612"/>
            </a:xfrm>
            <a:prstGeom prst="rect">
              <a:avLst/>
            </a:prstGeom>
          </p:spPr>
        </p:pic>
        <p:sp>
          <p:nvSpPr>
            <p:cNvPr id="107" name="object 107"/>
            <p:cNvSpPr/>
            <p:nvPr/>
          </p:nvSpPr>
          <p:spPr>
            <a:xfrm>
              <a:off x="5527548" y="2616708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19">
                  <a:moveTo>
                    <a:pt x="0" y="324612"/>
                  </a:moveTo>
                  <a:lnTo>
                    <a:pt x="377951" y="324612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2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08" name="object 108"/>
          <p:cNvSpPr txBox="1"/>
          <p:nvPr/>
        </p:nvSpPr>
        <p:spPr>
          <a:xfrm>
            <a:off x="5606922" y="2645155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2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109" name="object 109"/>
          <p:cNvGrpSpPr/>
          <p:nvPr/>
        </p:nvGrpSpPr>
        <p:grpSpPr>
          <a:xfrm>
            <a:off x="5979985" y="3003613"/>
            <a:ext cx="387985" cy="334645"/>
            <a:chOff x="5979985" y="3003613"/>
            <a:chExt cx="387985" cy="334645"/>
          </a:xfrm>
        </p:grpSpPr>
        <p:pic>
          <p:nvPicPr>
            <p:cNvPr id="110" name="object 110"/>
            <p:cNvPicPr/>
            <p:nvPr/>
          </p:nvPicPr>
          <p:blipFill>
            <a:blip r:embed="rId29" cstate="print"/>
            <a:stretch>
              <a:fillRect/>
            </a:stretch>
          </p:blipFill>
          <p:spPr>
            <a:xfrm>
              <a:off x="5984747" y="3008376"/>
              <a:ext cx="377951" cy="324612"/>
            </a:xfrm>
            <a:prstGeom prst="rect">
              <a:avLst/>
            </a:prstGeom>
          </p:spPr>
        </p:pic>
        <p:sp>
          <p:nvSpPr>
            <p:cNvPr id="111" name="object 111"/>
            <p:cNvSpPr/>
            <p:nvPr/>
          </p:nvSpPr>
          <p:spPr>
            <a:xfrm>
              <a:off x="5984747" y="3008376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60" h="325120">
                  <a:moveTo>
                    <a:pt x="0" y="324612"/>
                  </a:moveTo>
                  <a:lnTo>
                    <a:pt x="377951" y="324612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2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12" name="object 112"/>
          <p:cNvSpPr txBox="1"/>
          <p:nvPr/>
        </p:nvSpPr>
        <p:spPr>
          <a:xfrm>
            <a:off x="6064377" y="3036570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2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113" name="object 113"/>
          <p:cNvGrpSpPr/>
          <p:nvPr/>
        </p:nvGrpSpPr>
        <p:grpSpPr>
          <a:xfrm>
            <a:off x="6444805" y="3395281"/>
            <a:ext cx="387985" cy="334645"/>
            <a:chOff x="6444805" y="3395281"/>
            <a:chExt cx="387985" cy="334645"/>
          </a:xfrm>
        </p:grpSpPr>
        <p:pic>
          <p:nvPicPr>
            <p:cNvPr id="114" name="object 114"/>
            <p:cNvPicPr/>
            <p:nvPr/>
          </p:nvPicPr>
          <p:blipFill>
            <a:blip r:embed="rId30" cstate="print"/>
            <a:stretch>
              <a:fillRect/>
            </a:stretch>
          </p:blipFill>
          <p:spPr>
            <a:xfrm>
              <a:off x="6449567" y="3400044"/>
              <a:ext cx="377952" cy="324611"/>
            </a:xfrm>
            <a:prstGeom prst="rect">
              <a:avLst/>
            </a:prstGeom>
          </p:spPr>
        </p:pic>
        <p:sp>
          <p:nvSpPr>
            <p:cNvPr id="115" name="object 115"/>
            <p:cNvSpPr/>
            <p:nvPr/>
          </p:nvSpPr>
          <p:spPr>
            <a:xfrm>
              <a:off x="6449567" y="3400044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59" h="325120">
                  <a:moveTo>
                    <a:pt x="0" y="324611"/>
                  </a:moveTo>
                  <a:lnTo>
                    <a:pt x="377952" y="324611"/>
                  </a:lnTo>
                  <a:lnTo>
                    <a:pt x="377952" y="0"/>
                  </a:lnTo>
                  <a:lnTo>
                    <a:pt x="0" y="0"/>
                  </a:lnTo>
                  <a:lnTo>
                    <a:pt x="0" y="324611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16" name="object 116"/>
          <p:cNvSpPr txBox="1"/>
          <p:nvPr/>
        </p:nvSpPr>
        <p:spPr>
          <a:xfrm>
            <a:off x="6529831" y="3427603"/>
            <a:ext cx="21717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2</a:t>
            </a:r>
            <a:endParaRPr sz="1800">
              <a:latin typeface="Arial MT"/>
              <a:cs typeface="Arial MT"/>
            </a:endParaRPr>
          </a:p>
        </p:txBody>
      </p:sp>
      <p:grpSp>
        <p:nvGrpSpPr>
          <p:cNvPr id="117" name="object 117"/>
          <p:cNvGrpSpPr/>
          <p:nvPr/>
        </p:nvGrpSpPr>
        <p:grpSpPr>
          <a:xfrm>
            <a:off x="6911149" y="3777805"/>
            <a:ext cx="387985" cy="334645"/>
            <a:chOff x="6911149" y="3777805"/>
            <a:chExt cx="387985" cy="334645"/>
          </a:xfrm>
        </p:grpSpPr>
        <p:pic>
          <p:nvPicPr>
            <p:cNvPr id="118" name="object 118"/>
            <p:cNvPicPr/>
            <p:nvPr/>
          </p:nvPicPr>
          <p:blipFill>
            <a:blip r:embed="rId31" cstate="print"/>
            <a:stretch>
              <a:fillRect/>
            </a:stretch>
          </p:blipFill>
          <p:spPr>
            <a:xfrm>
              <a:off x="6915911" y="3782567"/>
              <a:ext cx="377951" cy="324612"/>
            </a:xfrm>
            <a:prstGeom prst="rect">
              <a:avLst/>
            </a:prstGeom>
          </p:spPr>
        </p:pic>
        <p:sp>
          <p:nvSpPr>
            <p:cNvPr id="119" name="object 119"/>
            <p:cNvSpPr/>
            <p:nvPr/>
          </p:nvSpPr>
          <p:spPr>
            <a:xfrm>
              <a:off x="6915911" y="3782567"/>
              <a:ext cx="378460" cy="325120"/>
            </a:xfrm>
            <a:custGeom>
              <a:avLst/>
              <a:gdLst/>
              <a:ahLst/>
              <a:cxnLst/>
              <a:rect l="l" t="t" r="r" b="b"/>
              <a:pathLst>
                <a:path w="378459" h="325120">
                  <a:moveTo>
                    <a:pt x="0" y="324611"/>
                  </a:moveTo>
                  <a:lnTo>
                    <a:pt x="377951" y="324611"/>
                  </a:lnTo>
                  <a:lnTo>
                    <a:pt x="377951" y="0"/>
                  </a:lnTo>
                  <a:lnTo>
                    <a:pt x="0" y="0"/>
                  </a:lnTo>
                  <a:lnTo>
                    <a:pt x="0" y="324611"/>
                  </a:lnTo>
                  <a:close/>
                </a:path>
              </a:pathLst>
            </a:custGeom>
            <a:ln w="9525">
              <a:solidFill>
                <a:srgbClr val="AC66BA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20" name="object 120"/>
          <p:cNvSpPr txBox="1"/>
          <p:nvPr/>
        </p:nvSpPr>
        <p:spPr>
          <a:xfrm>
            <a:off x="6995541" y="3809822"/>
            <a:ext cx="21717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I2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21" name="object 121"/>
          <p:cNvSpPr txBox="1"/>
          <p:nvPr/>
        </p:nvSpPr>
        <p:spPr>
          <a:xfrm>
            <a:off x="3789426" y="2321306"/>
            <a:ext cx="3848100" cy="614680"/>
          </a:xfrm>
          <a:prstGeom prst="rect">
            <a:avLst/>
          </a:prstGeom>
        </p:spPr>
        <p:txBody>
          <a:bodyPr vert="horz" wrap="square" lIns="0" tIns="33019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259"/>
              </a:spcBef>
              <a:tabLst>
                <a:tab pos="469900" algn="l"/>
                <a:tab pos="932815" algn="l"/>
                <a:tab pos="1390650" algn="l"/>
                <a:tab pos="1852295" algn="l"/>
                <a:tab pos="2313305" algn="l"/>
                <a:tab pos="2773045" algn="l"/>
                <a:tab pos="3230245" algn="l"/>
                <a:tab pos="3689985" algn="l"/>
              </a:tabLst>
            </a:pPr>
            <a:r>
              <a:rPr sz="1800" spc="-5" dirty="0">
                <a:latin typeface="Arial MT"/>
                <a:cs typeface="Arial MT"/>
              </a:rPr>
              <a:t>1	2	3	4	5	6	7	8	9</a:t>
            </a:r>
            <a:endParaRPr sz="1800">
              <a:latin typeface="Arial MT"/>
              <a:cs typeface="Arial MT"/>
            </a:endParaRPr>
          </a:p>
          <a:p>
            <a:pPr marR="5080" algn="r">
              <a:lnSpc>
                <a:spcPct val="100000"/>
              </a:lnSpc>
              <a:spcBef>
                <a:spcPts val="160"/>
              </a:spcBef>
            </a:pPr>
            <a:r>
              <a:rPr sz="1800" dirty="0">
                <a:latin typeface="Arial MT"/>
                <a:cs typeface="Arial MT"/>
              </a:rPr>
              <a:t>I3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22" name="object 122"/>
          <p:cNvSpPr txBox="1"/>
          <p:nvPr/>
        </p:nvSpPr>
        <p:spPr>
          <a:xfrm>
            <a:off x="2263267" y="3133725"/>
            <a:ext cx="93853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latin typeface="Arial MT"/>
                <a:cs typeface="Arial MT"/>
              </a:rPr>
              <a:t>S</a:t>
            </a:r>
            <a:r>
              <a:rPr sz="1800" spc="-15" dirty="0">
                <a:latin typeface="Arial MT"/>
                <a:cs typeface="Arial MT"/>
              </a:rPr>
              <a:t>e</a:t>
            </a:r>
            <a:r>
              <a:rPr sz="1800" spc="-5" dirty="0">
                <a:latin typeface="Arial MT"/>
                <a:cs typeface="Arial MT"/>
              </a:rPr>
              <a:t>gm</a:t>
            </a:r>
            <a:r>
              <a:rPr sz="1800" spc="-15" dirty="0">
                <a:latin typeface="Arial MT"/>
                <a:cs typeface="Arial MT"/>
              </a:rPr>
              <a:t>e</a:t>
            </a:r>
            <a:r>
              <a:rPr sz="1800" dirty="0">
                <a:latin typeface="Arial MT"/>
                <a:cs typeface="Arial MT"/>
              </a:rPr>
              <a:t>nt</a:t>
            </a:r>
            <a:endParaRPr sz="1800">
              <a:latin typeface="Arial MT"/>
              <a:cs typeface="Arial MT"/>
            </a:endParaRPr>
          </a:p>
        </p:txBody>
      </p:sp>
    </p:spTree>
  </p:cSld>
  <p:clrMapOvr>
    <a:masterClrMapping/>
  </p:clrMapOvr>
</p:sld>
</file>

<file path=ppt/slides/slide6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854688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20" dirty="0">
                <a:latin typeface="Verdana"/>
                <a:cs typeface="Verdana"/>
              </a:rPr>
              <a:t>No</a:t>
            </a:r>
            <a:r>
              <a:rPr sz="3600" spc="5" dirty="0">
                <a:latin typeface="Verdana"/>
                <a:cs typeface="Verdana"/>
              </a:rPr>
              <a:t>n</a:t>
            </a:r>
            <a:r>
              <a:rPr sz="3600" spc="-440" dirty="0">
                <a:latin typeface="Verdana"/>
                <a:cs typeface="Verdana"/>
              </a:rPr>
              <a:t>-</a:t>
            </a:r>
            <a:r>
              <a:rPr sz="3600" spc="-15" dirty="0">
                <a:latin typeface="Verdana"/>
                <a:cs typeface="Verdana"/>
              </a:rPr>
              <a:t>pipeline</a:t>
            </a:r>
            <a:r>
              <a:rPr sz="3600" spc="-254" dirty="0">
                <a:latin typeface="Verdana"/>
                <a:cs typeface="Verdana"/>
              </a:rPr>
              <a:t> </a:t>
            </a:r>
            <a:r>
              <a:rPr sz="3600" spc="-355" dirty="0">
                <a:latin typeface="Verdana"/>
                <a:cs typeface="Verdana"/>
              </a:rPr>
              <a:t>vs</a:t>
            </a:r>
            <a:r>
              <a:rPr sz="3600" spc="-229" dirty="0">
                <a:latin typeface="Verdana"/>
                <a:cs typeface="Verdana"/>
              </a:rPr>
              <a:t>.</a:t>
            </a:r>
            <a:r>
              <a:rPr sz="3600" spc="-260" dirty="0">
                <a:latin typeface="Verdana"/>
                <a:cs typeface="Verdana"/>
              </a:rPr>
              <a:t> </a:t>
            </a:r>
            <a:r>
              <a:rPr sz="3600" spc="-45" dirty="0">
                <a:latin typeface="Verdana"/>
                <a:cs typeface="Verdana"/>
              </a:rPr>
              <a:t>Pipelin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147442" y="2140076"/>
            <a:ext cx="5727065" cy="3767454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88900" marR="1682114" indent="571500">
              <a:lnSpc>
                <a:spcPct val="144400"/>
              </a:lnSpc>
              <a:spcBef>
                <a:spcPts val="100"/>
              </a:spcBef>
              <a:tabLst>
                <a:tab pos="1009015" algn="l"/>
              </a:tabLst>
            </a:pPr>
            <a:r>
              <a:rPr sz="1800" dirty="0">
                <a:latin typeface="Times New Roman"/>
                <a:cs typeface="Times New Roman"/>
              </a:rPr>
              <a:t>n:	</a:t>
            </a:r>
            <a:r>
              <a:rPr sz="1800" spc="-5" dirty="0">
                <a:latin typeface="Times New Roman"/>
                <a:cs typeface="Times New Roman"/>
              </a:rPr>
              <a:t>Number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of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asks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b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performed </a:t>
            </a:r>
            <a:r>
              <a:rPr sz="1800" spc="-434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Conventional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Machine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(Non-Pipelined)</a:t>
            </a:r>
            <a:endParaRPr sz="1800">
              <a:latin typeface="Times New Roman"/>
              <a:cs typeface="Times New Roman"/>
            </a:endParaRPr>
          </a:p>
          <a:p>
            <a:pPr marL="660400">
              <a:lnSpc>
                <a:spcPct val="100000"/>
              </a:lnSpc>
              <a:tabLst>
                <a:tab pos="1092200" algn="l"/>
              </a:tabLst>
            </a:pP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n</a:t>
            </a:r>
            <a:r>
              <a:rPr sz="1800" dirty="0">
                <a:latin typeface="Times New Roman"/>
                <a:cs typeface="Times New Roman"/>
              </a:rPr>
              <a:t>:	Clock</a:t>
            </a:r>
            <a:r>
              <a:rPr sz="1800" spc="-55" dirty="0">
                <a:latin typeface="Times New Roman"/>
                <a:cs typeface="Times New Roman"/>
              </a:rPr>
              <a:t> </a:t>
            </a:r>
            <a:r>
              <a:rPr sz="1800" spc="5" dirty="0">
                <a:latin typeface="Times New Roman"/>
                <a:cs typeface="Times New Roman"/>
              </a:rPr>
              <a:t>cycle</a:t>
            </a:r>
            <a:endParaRPr sz="1800">
              <a:latin typeface="Times New Roman"/>
              <a:cs typeface="Times New Roman"/>
            </a:endParaRPr>
          </a:p>
          <a:p>
            <a:pPr marL="660400">
              <a:lnSpc>
                <a:spcPct val="100000"/>
              </a:lnSpc>
              <a:tabLst>
                <a:tab pos="1088390" algn="l"/>
              </a:tabLst>
            </a:pPr>
            <a:r>
              <a:rPr sz="1800" spc="-5" dirty="0">
                <a:latin typeface="Times New Roman"/>
                <a:cs typeface="Times New Roman"/>
              </a:rPr>
              <a:t>t</a:t>
            </a:r>
            <a:r>
              <a:rPr sz="1800" spc="-7" baseline="-20833" dirty="0">
                <a:latin typeface="Times New Roman"/>
                <a:cs typeface="Times New Roman"/>
              </a:rPr>
              <a:t>1</a:t>
            </a:r>
            <a:r>
              <a:rPr sz="1800" spc="-5" dirty="0">
                <a:latin typeface="Times New Roman"/>
                <a:cs typeface="Times New Roman"/>
              </a:rPr>
              <a:t>:	</a:t>
            </a:r>
            <a:r>
              <a:rPr sz="1800" spc="-20" dirty="0">
                <a:latin typeface="Times New Roman"/>
                <a:cs typeface="Times New Roman"/>
              </a:rPr>
              <a:t>Time </a:t>
            </a:r>
            <a:r>
              <a:rPr sz="1800" dirty="0">
                <a:latin typeface="Times New Roman"/>
                <a:cs typeface="Times New Roman"/>
              </a:rPr>
              <a:t>required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</a:t>
            </a:r>
            <a:r>
              <a:rPr sz="1800" spc="-5" dirty="0">
                <a:latin typeface="Times New Roman"/>
                <a:cs typeface="Times New Roman"/>
              </a:rPr>
              <a:t> complete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instructions</a:t>
            </a:r>
            <a:endParaRPr sz="1800">
              <a:latin typeface="Times New Roman"/>
              <a:cs typeface="Times New Roman"/>
            </a:endParaRPr>
          </a:p>
          <a:p>
            <a:pPr marL="660400">
              <a:lnSpc>
                <a:spcPct val="100000"/>
              </a:lnSpc>
            </a:pP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1</a:t>
            </a:r>
            <a:r>
              <a:rPr sz="1800" spc="179" baseline="-20833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=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*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n</a:t>
            </a:r>
            <a:endParaRPr sz="1800" baseline="-20833">
              <a:latin typeface="Times New Roman"/>
              <a:cs typeface="Times New Roman"/>
            </a:endParaRPr>
          </a:p>
          <a:p>
            <a:pPr marL="88900">
              <a:lnSpc>
                <a:spcPct val="100000"/>
              </a:lnSpc>
              <a:spcBef>
                <a:spcPts val="1260"/>
              </a:spcBef>
            </a:pPr>
            <a:r>
              <a:rPr sz="1800" dirty="0">
                <a:latin typeface="Times New Roman"/>
                <a:cs typeface="Times New Roman"/>
              </a:rPr>
              <a:t>Pipelined</a:t>
            </a:r>
            <a:r>
              <a:rPr sz="1800" spc="-2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Machine (k stages)</a:t>
            </a:r>
            <a:endParaRPr sz="1800">
              <a:latin typeface="Times New Roman"/>
              <a:cs typeface="Times New Roman"/>
            </a:endParaRPr>
          </a:p>
          <a:p>
            <a:pPr marL="660400" marR="81280">
              <a:lnSpc>
                <a:spcPct val="100000"/>
              </a:lnSpc>
              <a:tabLst>
                <a:tab pos="1030605" algn="l"/>
              </a:tabLst>
            </a:pP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p</a:t>
            </a:r>
            <a:r>
              <a:rPr sz="1800" dirty="0">
                <a:latin typeface="Times New Roman"/>
                <a:cs typeface="Times New Roman"/>
              </a:rPr>
              <a:t>:	Clock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spc="5" dirty="0">
                <a:latin typeface="Times New Roman"/>
                <a:cs typeface="Times New Roman"/>
              </a:rPr>
              <a:t>cycle</a:t>
            </a:r>
            <a:r>
              <a:rPr sz="1800" spc="-40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(time</a:t>
            </a:r>
            <a:r>
              <a:rPr sz="1800" dirty="0">
                <a:latin typeface="Times New Roman"/>
                <a:cs typeface="Times New Roman"/>
              </a:rPr>
              <a:t> to</a:t>
            </a:r>
            <a:r>
              <a:rPr sz="1800" spc="-5" dirty="0">
                <a:latin typeface="Times New Roman"/>
                <a:cs typeface="Times New Roman"/>
              </a:rPr>
              <a:t> complete</a:t>
            </a:r>
            <a:r>
              <a:rPr sz="1800" dirty="0">
                <a:latin typeface="Times New Roman"/>
                <a:cs typeface="Times New Roman"/>
              </a:rPr>
              <a:t> each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spc="-5" dirty="0">
                <a:latin typeface="Times New Roman"/>
                <a:cs typeface="Times New Roman"/>
              </a:rPr>
              <a:t>sub </a:t>
            </a:r>
            <a:r>
              <a:rPr sz="1800" dirty="0">
                <a:latin typeface="Times New Roman"/>
                <a:cs typeface="Times New Roman"/>
              </a:rPr>
              <a:t>operation) </a:t>
            </a:r>
            <a:r>
              <a:rPr sz="1800" spc="-434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k</a:t>
            </a:r>
            <a:r>
              <a:rPr sz="1800" dirty="0">
                <a:latin typeface="Times New Roman"/>
                <a:cs typeface="Times New Roman"/>
              </a:rPr>
              <a:t>:	</a:t>
            </a:r>
            <a:r>
              <a:rPr sz="1800" spc="-15" dirty="0">
                <a:latin typeface="Times New Roman"/>
                <a:cs typeface="Times New Roman"/>
              </a:rPr>
              <a:t>Time </a:t>
            </a:r>
            <a:r>
              <a:rPr sz="1800" dirty="0">
                <a:latin typeface="Times New Roman"/>
                <a:cs typeface="Times New Roman"/>
              </a:rPr>
              <a:t>required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o </a:t>
            </a:r>
            <a:r>
              <a:rPr sz="1800" spc="-5" dirty="0">
                <a:latin typeface="Times New Roman"/>
                <a:cs typeface="Times New Roman"/>
              </a:rPr>
              <a:t>complete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he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 instructions</a:t>
            </a:r>
            <a:endParaRPr sz="1800">
              <a:latin typeface="Times New Roman"/>
              <a:cs typeface="Times New Roman"/>
            </a:endParaRPr>
          </a:p>
          <a:p>
            <a:pPr marL="660400">
              <a:lnSpc>
                <a:spcPct val="100000"/>
              </a:lnSpc>
            </a:pP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k</a:t>
            </a:r>
            <a:r>
              <a:rPr sz="1800" spc="187" baseline="-20833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=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(k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+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-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1)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*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t</a:t>
            </a:r>
            <a:r>
              <a:rPr sz="1800" baseline="-20833" dirty="0">
                <a:latin typeface="Times New Roman"/>
                <a:cs typeface="Times New Roman"/>
              </a:rPr>
              <a:t>p</a:t>
            </a:r>
            <a:endParaRPr sz="1800" baseline="-20833">
              <a:latin typeface="Times New Roman"/>
              <a:cs typeface="Times New Roman"/>
            </a:endParaRPr>
          </a:p>
          <a:p>
            <a:pPr marL="88900">
              <a:lnSpc>
                <a:spcPct val="100000"/>
              </a:lnSpc>
              <a:spcBef>
                <a:spcPts val="1325"/>
              </a:spcBef>
            </a:pPr>
            <a:r>
              <a:rPr sz="1800" u="sng" dirty="0">
                <a:uFill>
                  <a:solidFill>
                    <a:srgbClr val="000000"/>
                  </a:solidFill>
                </a:uFill>
                <a:latin typeface="Times New Roman"/>
                <a:cs typeface="Times New Roman"/>
              </a:rPr>
              <a:t>Speedup</a:t>
            </a:r>
            <a:r>
              <a:rPr sz="1800" u="sng" spc="-40" dirty="0">
                <a:uFill>
                  <a:solidFill>
                    <a:srgbClr val="000000"/>
                  </a:solidFill>
                </a:uFill>
                <a:latin typeface="Times New Roman"/>
                <a:cs typeface="Times New Roman"/>
              </a:rPr>
              <a:t> </a:t>
            </a:r>
            <a:r>
              <a:rPr sz="1800" u="sng" spc="-5" dirty="0">
                <a:uFill>
                  <a:solidFill>
                    <a:srgbClr val="000000"/>
                  </a:solidFill>
                </a:uFill>
                <a:latin typeface="Times New Roman"/>
                <a:cs typeface="Times New Roman"/>
              </a:rPr>
              <a:t>(S</a:t>
            </a:r>
            <a:r>
              <a:rPr sz="1800" u="sng" spc="-7" baseline="-20833" dirty="0">
                <a:uFill>
                  <a:solidFill>
                    <a:srgbClr val="000000"/>
                  </a:solidFill>
                </a:uFill>
                <a:latin typeface="Times New Roman"/>
                <a:cs typeface="Times New Roman"/>
              </a:rPr>
              <a:t>k</a:t>
            </a:r>
            <a:r>
              <a:rPr sz="1800" u="sng" spc="-5" dirty="0">
                <a:uFill>
                  <a:solidFill>
                    <a:srgbClr val="000000"/>
                  </a:solidFill>
                </a:uFill>
                <a:latin typeface="Times New Roman"/>
                <a:cs typeface="Times New Roman"/>
              </a:rPr>
              <a:t>)</a:t>
            </a:r>
            <a:endParaRPr sz="1800">
              <a:latin typeface="Times New Roman"/>
              <a:cs typeface="Times New Roman"/>
            </a:endParaRPr>
          </a:p>
          <a:p>
            <a:pPr marL="601980">
              <a:lnSpc>
                <a:spcPct val="100000"/>
              </a:lnSpc>
              <a:spcBef>
                <a:spcPts val="1200"/>
              </a:spcBef>
            </a:pPr>
            <a:r>
              <a:rPr sz="1800" spc="-5" dirty="0">
                <a:latin typeface="Times New Roman"/>
                <a:cs typeface="Times New Roman"/>
              </a:rPr>
              <a:t>S</a:t>
            </a:r>
            <a:r>
              <a:rPr sz="1800" spc="-7" baseline="-20833" dirty="0">
                <a:latin typeface="Times New Roman"/>
                <a:cs typeface="Times New Roman"/>
              </a:rPr>
              <a:t>k</a:t>
            </a:r>
            <a:r>
              <a:rPr sz="1800" spc="209" baseline="-20833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=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*t</a:t>
            </a:r>
            <a:r>
              <a:rPr sz="1800" baseline="-20833" dirty="0">
                <a:latin typeface="Times New Roman"/>
                <a:cs typeface="Times New Roman"/>
              </a:rPr>
              <a:t>n</a:t>
            </a:r>
            <a:r>
              <a:rPr sz="1800" spc="195" baseline="-20833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/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(k</a:t>
            </a:r>
            <a:r>
              <a:rPr sz="1800" spc="-1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+</a:t>
            </a:r>
            <a:r>
              <a:rPr sz="1800" spc="-20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n</a:t>
            </a:r>
            <a:r>
              <a:rPr sz="1800" spc="-1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-</a:t>
            </a:r>
            <a:r>
              <a:rPr sz="1800" spc="-5" dirty="0">
                <a:latin typeface="Times New Roman"/>
                <a:cs typeface="Times New Roman"/>
              </a:rPr>
              <a:t> </a:t>
            </a:r>
            <a:r>
              <a:rPr sz="1800" dirty="0">
                <a:latin typeface="Times New Roman"/>
                <a:cs typeface="Times New Roman"/>
              </a:rPr>
              <a:t>1)*t</a:t>
            </a:r>
            <a:r>
              <a:rPr sz="1800" baseline="-20833" dirty="0">
                <a:latin typeface="Times New Roman"/>
                <a:cs typeface="Times New Roman"/>
              </a:rPr>
              <a:t>p</a:t>
            </a:r>
            <a:endParaRPr sz="1800" baseline="-20833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2735960" y="6319824"/>
            <a:ext cx="59690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spc="-5" dirty="0">
                <a:latin typeface="Arial MT"/>
                <a:cs typeface="Arial MT"/>
              </a:rPr>
              <a:t>n</a:t>
            </a:r>
            <a:r>
              <a:rPr sz="1600" spc="-45" dirty="0">
                <a:latin typeface="Arial MT"/>
                <a:cs typeface="Arial MT"/>
              </a:rPr>
              <a:t> </a:t>
            </a:r>
            <a:r>
              <a:rPr sz="1600" spc="-5" dirty="0">
                <a:latin typeface="Symbol"/>
                <a:cs typeface="Symbol"/>
              </a:rPr>
              <a:t></a:t>
            </a:r>
            <a:r>
              <a:rPr sz="1600" spc="10" dirty="0">
                <a:latin typeface="Times New Roman"/>
                <a:cs typeface="Times New Roman"/>
              </a:rPr>
              <a:t> </a:t>
            </a:r>
            <a:r>
              <a:rPr sz="1600" spc="-5" dirty="0">
                <a:latin typeface="Symbol"/>
                <a:cs typeface="Symbol"/>
              </a:rPr>
              <a:t></a:t>
            </a:r>
            <a:endParaRPr sz="1600">
              <a:latin typeface="Symbol"/>
              <a:cs typeface="Symbol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3442461" y="6274714"/>
            <a:ext cx="10160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dirty="0">
                <a:latin typeface="Arial MT"/>
                <a:cs typeface="Arial MT"/>
              </a:rPr>
              <a:t>k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6" name="object 6"/>
          <p:cNvSpPr/>
          <p:nvPr/>
        </p:nvSpPr>
        <p:spPr>
          <a:xfrm>
            <a:off x="3997452" y="6289547"/>
            <a:ext cx="457200" cy="0"/>
          </a:xfrm>
          <a:custGeom>
            <a:avLst/>
            <a:gdLst/>
            <a:ahLst/>
            <a:cxnLst/>
            <a:rect l="l" t="t" r="r" b="b"/>
            <a:pathLst>
              <a:path w="457200">
                <a:moveTo>
                  <a:pt x="0" y="0"/>
                </a:moveTo>
                <a:lnTo>
                  <a:pt x="457200" y="0"/>
                </a:lnTo>
              </a:path>
            </a:pathLst>
          </a:custGeom>
          <a:ln w="12698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 txBox="1"/>
          <p:nvPr/>
        </p:nvSpPr>
        <p:spPr>
          <a:xfrm>
            <a:off x="4049014" y="5986373"/>
            <a:ext cx="22542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t</a:t>
            </a:r>
            <a:r>
              <a:rPr sz="1800" baseline="-20833" dirty="0">
                <a:latin typeface="Arial MT"/>
                <a:cs typeface="Arial MT"/>
              </a:rPr>
              <a:t>n</a:t>
            </a:r>
            <a:endParaRPr sz="1800" baseline="-20833">
              <a:latin typeface="Arial MT"/>
              <a:cs typeface="Arial MT"/>
            </a:endParaRPr>
          </a:p>
        </p:txBody>
      </p:sp>
      <p:sp>
        <p:nvSpPr>
          <p:cNvPr id="8" name="object 8"/>
          <p:cNvSpPr txBox="1"/>
          <p:nvPr/>
        </p:nvSpPr>
        <p:spPr>
          <a:xfrm>
            <a:off x="4058411" y="6277152"/>
            <a:ext cx="22542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dirty="0">
                <a:latin typeface="Arial MT"/>
                <a:cs typeface="Arial MT"/>
              </a:rPr>
              <a:t>t</a:t>
            </a:r>
            <a:r>
              <a:rPr sz="1800" baseline="-20833" dirty="0">
                <a:latin typeface="Arial MT"/>
                <a:cs typeface="Arial MT"/>
              </a:rPr>
              <a:t>p</a:t>
            </a:r>
            <a:endParaRPr sz="1800" baseline="-20833">
              <a:latin typeface="Arial MT"/>
              <a:cs typeface="Arial MT"/>
            </a:endParaRPr>
          </a:p>
        </p:txBody>
      </p:sp>
      <p:sp>
        <p:nvSpPr>
          <p:cNvPr id="9" name="object 9"/>
          <p:cNvSpPr txBox="1"/>
          <p:nvPr/>
        </p:nvSpPr>
        <p:spPr>
          <a:xfrm>
            <a:off x="5425185" y="6273190"/>
            <a:ext cx="110489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n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4682997" y="6140602"/>
            <a:ext cx="150685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902335" algn="l"/>
              </a:tabLst>
            </a:pPr>
            <a:r>
              <a:rPr sz="1800" dirty="0">
                <a:latin typeface="Arial MT"/>
                <a:cs typeface="Arial MT"/>
              </a:rPr>
              <a:t>= k,</a:t>
            </a:r>
            <a:r>
              <a:rPr sz="1800" spc="490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if</a:t>
            </a:r>
            <a:r>
              <a:rPr sz="1800" spc="-5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t	=</a:t>
            </a:r>
            <a:r>
              <a:rPr sz="1800" spc="-30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k</a:t>
            </a:r>
            <a:r>
              <a:rPr sz="1800" spc="-30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*</a:t>
            </a:r>
            <a:r>
              <a:rPr sz="1800" spc="-35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t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1" name="object 11"/>
          <p:cNvSpPr txBox="1"/>
          <p:nvPr/>
        </p:nvSpPr>
        <p:spPr>
          <a:xfrm>
            <a:off x="6164326" y="6273190"/>
            <a:ext cx="110489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p</a:t>
            </a:r>
            <a:endParaRPr sz="1200">
              <a:latin typeface="Arial MT"/>
              <a:cs typeface="Arial MT"/>
            </a:endParaRPr>
          </a:p>
        </p:txBody>
      </p:sp>
      <p:sp>
        <p:nvSpPr>
          <p:cNvPr id="12" name="object 12"/>
          <p:cNvSpPr txBox="1"/>
          <p:nvPr/>
        </p:nvSpPr>
        <p:spPr>
          <a:xfrm>
            <a:off x="2713735" y="6142126"/>
            <a:ext cx="109093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588645" algn="l"/>
                <a:tab pos="943610" algn="l"/>
              </a:tabLst>
            </a:pPr>
            <a:r>
              <a:rPr sz="1800" spc="-10" dirty="0">
                <a:latin typeface="Arial MT"/>
                <a:cs typeface="Arial MT"/>
              </a:rPr>
              <a:t>li</a:t>
            </a:r>
            <a:r>
              <a:rPr sz="1800" spc="-5" dirty="0">
                <a:latin typeface="Arial MT"/>
                <a:cs typeface="Arial MT"/>
              </a:rPr>
              <a:t>m</a:t>
            </a:r>
            <a:r>
              <a:rPr sz="1800" dirty="0">
                <a:latin typeface="Arial MT"/>
                <a:cs typeface="Arial MT"/>
              </a:rPr>
              <a:t>	S	=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13" name="object 13"/>
          <p:cNvSpPr txBox="1"/>
          <p:nvPr/>
        </p:nvSpPr>
        <p:spPr>
          <a:xfrm>
            <a:off x="6922896" y="5908040"/>
            <a:ext cx="363537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 marR="3048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solidFill>
                  <a:srgbClr val="006FC0"/>
                </a:solidFill>
                <a:latin typeface="Times New Roman"/>
                <a:cs typeface="Times New Roman"/>
              </a:rPr>
              <a:t>S</a:t>
            </a:r>
            <a:r>
              <a:rPr sz="1800" spc="-7" baseline="-20833" dirty="0">
                <a:solidFill>
                  <a:srgbClr val="006FC0"/>
                </a:solidFill>
                <a:latin typeface="Times New Roman"/>
                <a:cs typeface="Times New Roman"/>
              </a:rPr>
              <a:t>k</a:t>
            </a:r>
            <a:r>
              <a:rPr sz="1800" spc="225" baseline="-20833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=</a:t>
            </a:r>
            <a:r>
              <a:rPr sz="1800" spc="-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k,</a:t>
            </a:r>
            <a:r>
              <a:rPr sz="1800" spc="-5" dirty="0">
                <a:solidFill>
                  <a:srgbClr val="006FC0"/>
                </a:solidFill>
                <a:latin typeface="Times New Roman"/>
                <a:cs typeface="Times New Roman"/>
              </a:rPr>
              <a:t> this</a:t>
            </a:r>
            <a:r>
              <a:rPr sz="1800" spc="-2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006FC0"/>
                </a:solidFill>
                <a:latin typeface="Times New Roman"/>
                <a:cs typeface="Times New Roman"/>
              </a:rPr>
              <a:t>is</a:t>
            </a:r>
            <a:r>
              <a:rPr sz="1800" spc="-1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the</a:t>
            </a:r>
            <a:r>
              <a:rPr sz="1800" spc="-5" dirty="0">
                <a:solidFill>
                  <a:srgbClr val="006FC0"/>
                </a:solidFill>
                <a:latin typeface="Times New Roman"/>
                <a:cs typeface="Times New Roman"/>
              </a:rPr>
              <a:t> maximum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 theoretical </a:t>
            </a:r>
            <a:r>
              <a:rPr sz="1800" spc="-434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Speed</a:t>
            </a:r>
            <a:r>
              <a:rPr sz="1800" spc="-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up</a:t>
            </a:r>
            <a:r>
              <a:rPr sz="1800" spc="-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that</a:t>
            </a:r>
            <a:r>
              <a:rPr sz="1800" spc="-2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a</a:t>
            </a:r>
            <a:r>
              <a:rPr sz="1800" spc="-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Pipeline</a:t>
            </a:r>
            <a:r>
              <a:rPr sz="1800" spc="-10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can</a:t>
            </a:r>
            <a:r>
              <a:rPr sz="1800" spc="-25" dirty="0">
                <a:solidFill>
                  <a:srgbClr val="006FC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006FC0"/>
                </a:solidFill>
                <a:latin typeface="Times New Roman"/>
                <a:cs typeface="Times New Roman"/>
              </a:rPr>
              <a:t>achieve.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6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2251836" y="2194052"/>
            <a:ext cx="156654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u="heavy" spc="-160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E</a:t>
            </a:r>
            <a:r>
              <a:rPr sz="1800" u="heavy" spc="-100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f</a:t>
            </a:r>
            <a:r>
              <a:rPr sz="1800" u="heavy" spc="-114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f</a:t>
            </a:r>
            <a:r>
              <a:rPr sz="1800" u="heavy" spc="-70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i</a:t>
            </a:r>
            <a:r>
              <a:rPr sz="1800" u="heavy" spc="60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c</a:t>
            </a:r>
            <a:r>
              <a:rPr sz="1800" u="heavy" spc="35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i</a:t>
            </a:r>
            <a:r>
              <a:rPr sz="1800" u="heavy" spc="85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e</a:t>
            </a:r>
            <a:r>
              <a:rPr sz="1800" u="heavy" spc="-55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n</a:t>
            </a:r>
            <a:r>
              <a:rPr sz="1800" u="heavy" spc="60" dirty="0">
                <a:solidFill>
                  <a:srgbClr val="404040"/>
                </a:solidFill>
                <a:uFill>
                  <a:solidFill>
                    <a:srgbClr val="404040"/>
                  </a:solidFill>
                </a:uFill>
                <a:latin typeface="Verdana"/>
                <a:cs typeface="Verdana"/>
              </a:rPr>
              <a:t>cy</a:t>
            </a:r>
            <a:r>
              <a:rPr sz="1800" spc="-145" dirty="0">
                <a:solidFill>
                  <a:srgbClr val="404040"/>
                </a:solidFill>
                <a:latin typeface="Verdana"/>
                <a:cs typeface="Verdana"/>
              </a:rPr>
              <a:t> </a:t>
            </a:r>
            <a:r>
              <a:rPr sz="1800" spc="-200" dirty="0">
                <a:solidFill>
                  <a:srgbClr val="404040"/>
                </a:solidFill>
                <a:latin typeface="Verdana"/>
                <a:cs typeface="Verdana"/>
              </a:rPr>
              <a:t>(</a:t>
            </a:r>
            <a:r>
              <a:rPr sz="1800" i="1" spc="-180" dirty="0">
                <a:latin typeface="Verdana"/>
                <a:cs typeface="Verdana"/>
              </a:rPr>
              <a:t>E</a:t>
            </a:r>
            <a:r>
              <a:rPr sz="1800" i="1" spc="-165" baseline="-20833" dirty="0">
                <a:latin typeface="Verdana"/>
                <a:cs typeface="Verdana"/>
              </a:rPr>
              <a:t>k</a:t>
            </a:r>
            <a:r>
              <a:rPr sz="1800" spc="-155" dirty="0">
                <a:solidFill>
                  <a:srgbClr val="404040"/>
                </a:solidFill>
                <a:latin typeface="Verdana"/>
                <a:cs typeface="Verdana"/>
              </a:rPr>
              <a:t>)</a:t>
            </a:r>
            <a:endParaRPr sz="18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861817" y="2981959"/>
            <a:ext cx="51054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E</a:t>
            </a:r>
            <a:r>
              <a:rPr sz="1800" b="1" i="1" spc="-7" baseline="-20833" dirty="0">
                <a:latin typeface="Arial"/>
                <a:cs typeface="Arial"/>
              </a:rPr>
              <a:t>k</a:t>
            </a:r>
            <a:r>
              <a:rPr sz="1800" b="1" i="1" spc="150" baseline="-20833" dirty="0">
                <a:latin typeface="Arial"/>
                <a:cs typeface="Arial"/>
              </a:rPr>
              <a:t> </a:t>
            </a:r>
            <a:r>
              <a:rPr sz="1800" b="1" i="1" dirty="0">
                <a:latin typeface="Arial"/>
                <a:cs typeface="Arial"/>
              </a:rPr>
              <a:t>=</a:t>
            </a:r>
            <a:endParaRPr sz="1800">
              <a:latin typeface="Arial"/>
              <a:cs typeface="Arial"/>
            </a:endParaRPr>
          </a:p>
        </p:txBody>
      </p:sp>
      <p:sp>
        <p:nvSpPr>
          <p:cNvPr id="4" name="object 4"/>
          <p:cNvSpPr/>
          <p:nvPr/>
        </p:nvSpPr>
        <p:spPr>
          <a:xfrm>
            <a:off x="3493770" y="3156966"/>
            <a:ext cx="609600" cy="0"/>
          </a:xfrm>
          <a:custGeom>
            <a:avLst/>
            <a:gdLst/>
            <a:ahLst/>
            <a:cxnLst/>
            <a:rect l="l" t="t" r="r" b="b"/>
            <a:pathLst>
              <a:path w="609600">
                <a:moveTo>
                  <a:pt x="0" y="0"/>
                </a:moveTo>
                <a:lnTo>
                  <a:pt x="609600" y="0"/>
                </a:lnTo>
              </a:path>
            </a:pathLst>
          </a:custGeom>
          <a:ln w="19050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5" name="object 5"/>
          <p:cNvSpPr txBox="1"/>
          <p:nvPr/>
        </p:nvSpPr>
        <p:spPr>
          <a:xfrm>
            <a:off x="3547617" y="2800858"/>
            <a:ext cx="31369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S</a:t>
            </a:r>
            <a:r>
              <a:rPr sz="1800" b="1" i="1" spc="-7" baseline="-20833" dirty="0">
                <a:latin typeface="Arial"/>
                <a:cs typeface="Arial"/>
              </a:rPr>
              <a:t>k</a:t>
            </a:r>
            <a:endParaRPr sz="1800" baseline="-20833">
              <a:latin typeface="Arial"/>
              <a:cs typeface="Arial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3573017" y="3181858"/>
            <a:ext cx="15303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k</a:t>
            </a:r>
            <a:endParaRPr sz="1800">
              <a:latin typeface="Arial"/>
              <a:cs typeface="Arial"/>
            </a:endParaRPr>
          </a:p>
        </p:txBody>
      </p:sp>
      <p:sp>
        <p:nvSpPr>
          <p:cNvPr id="7" name="object 7"/>
          <p:cNvSpPr txBox="1"/>
          <p:nvPr/>
        </p:nvSpPr>
        <p:spPr>
          <a:xfrm>
            <a:off x="4258817" y="3029458"/>
            <a:ext cx="15938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dirty="0">
                <a:latin typeface="Arial"/>
                <a:cs typeface="Arial"/>
              </a:rPr>
              <a:t>=</a:t>
            </a:r>
            <a:endParaRPr sz="1800">
              <a:latin typeface="Arial"/>
              <a:cs typeface="Arial"/>
            </a:endParaRPr>
          </a:p>
        </p:txBody>
      </p:sp>
      <p:sp>
        <p:nvSpPr>
          <p:cNvPr id="8" name="object 8"/>
          <p:cNvSpPr/>
          <p:nvPr/>
        </p:nvSpPr>
        <p:spPr>
          <a:xfrm>
            <a:off x="4789170" y="3156966"/>
            <a:ext cx="3124200" cy="0"/>
          </a:xfrm>
          <a:custGeom>
            <a:avLst/>
            <a:gdLst/>
            <a:ahLst/>
            <a:cxnLst/>
            <a:rect l="l" t="t" r="r" b="b"/>
            <a:pathLst>
              <a:path w="3124200">
                <a:moveTo>
                  <a:pt x="2057400" y="0"/>
                </a:moveTo>
                <a:lnTo>
                  <a:pt x="3124200" y="0"/>
                </a:lnTo>
              </a:path>
              <a:path w="3124200">
                <a:moveTo>
                  <a:pt x="0" y="0"/>
                </a:moveTo>
                <a:lnTo>
                  <a:pt x="1066800" y="0"/>
                </a:lnTo>
              </a:path>
            </a:pathLst>
          </a:custGeom>
          <a:ln w="19050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9" name="object 9"/>
          <p:cNvSpPr txBox="1"/>
          <p:nvPr/>
        </p:nvSpPr>
        <p:spPr>
          <a:xfrm>
            <a:off x="7230871" y="2724658"/>
            <a:ext cx="16510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dirty="0">
                <a:latin typeface="Arial"/>
                <a:cs typeface="Arial"/>
              </a:rPr>
              <a:t>n</a:t>
            </a:r>
            <a:endParaRPr sz="1800">
              <a:latin typeface="Arial"/>
              <a:cs typeface="Arial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6990080" y="3258058"/>
            <a:ext cx="90741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k</a:t>
            </a:r>
            <a:r>
              <a:rPr sz="1800" b="1" i="1" spc="-40" dirty="0">
                <a:latin typeface="Arial"/>
                <a:cs typeface="Arial"/>
              </a:rPr>
              <a:t> </a:t>
            </a:r>
            <a:r>
              <a:rPr sz="1800" b="1" i="1" dirty="0">
                <a:latin typeface="Arial"/>
                <a:cs typeface="Arial"/>
              </a:rPr>
              <a:t>+</a:t>
            </a:r>
            <a:r>
              <a:rPr sz="1800" b="1" i="1" spc="-35" dirty="0">
                <a:latin typeface="Arial"/>
                <a:cs typeface="Arial"/>
              </a:rPr>
              <a:t> </a:t>
            </a:r>
            <a:r>
              <a:rPr sz="1800" b="1" i="1" spc="-5" dirty="0">
                <a:latin typeface="Arial"/>
                <a:cs typeface="Arial"/>
              </a:rPr>
              <a:t>(n-1)</a:t>
            </a:r>
            <a:endParaRPr sz="1800">
              <a:latin typeface="Arial"/>
              <a:cs typeface="Arial"/>
            </a:endParaRPr>
          </a:p>
        </p:txBody>
      </p:sp>
      <p:sp>
        <p:nvSpPr>
          <p:cNvPr id="11" name="object 11"/>
          <p:cNvSpPr txBox="1"/>
          <p:nvPr/>
        </p:nvSpPr>
        <p:spPr>
          <a:xfrm>
            <a:off x="5007609" y="2726182"/>
            <a:ext cx="47498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spc="-5" dirty="0">
                <a:latin typeface="Arial"/>
                <a:cs typeface="Arial"/>
              </a:rPr>
              <a:t>n*t</a:t>
            </a:r>
            <a:r>
              <a:rPr sz="1800" b="1" spc="-7" baseline="-20833" dirty="0">
                <a:latin typeface="Arial"/>
                <a:cs typeface="Arial"/>
              </a:rPr>
              <a:t>n</a:t>
            </a:r>
            <a:endParaRPr sz="1800" baseline="-20833">
              <a:latin typeface="Arial"/>
              <a:cs typeface="Arial"/>
            </a:endParaRPr>
          </a:p>
        </p:txBody>
      </p:sp>
      <p:sp>
        <p:nvSpPr>
          <p:cNvPr id="12" name="object 12"/>
          <p:cNvSpPr txBox="1"/>
          <p:nvPr/>
        </p:nvSpPr>
        <p:spPr>
          <a:xfrm>
            <a:off x="4690617" y="3274821"/>
            <a:ext cx="153416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spc="-5" dirty="0">
                <a:latin typeface="Arial"/>
                <a:cs typeface="Arial"/>
              </a:rPr>
              <a:t>k</a:t>
            </a:r>
            <a:r>
              <a:rPr sz="1800" b="1" spc="-15" dirty="0">
                <a:latin typeface="Arial"/>
                <a:cs typeface="Arial"/>
              </a:rPr>
              <a:t> </a:t>
            </a:r>
            <a:r>
              <a:rPr sz="1800" b="1" spc="-5" dirty="0">
                <a:latin typeface="Arial"/>
                <a:cs typeface="Arial"/>
              </a:rPr>
              <a:t>(k</a:t>
            </a:r>
            <a:r>
              <a:rPr sz="1800" b="1" spc="-20" dirty="0">
                <a:latin typeface="Arial"/>
                <a:cs typeface="Arial"/>
              </a:rPr>
              <a:t> </a:t>
            </a:r>
            <a:r>
              <a:rPr sz="1800" b="1" dirty="0">
                <a:latin typeface="Arial"/>
                <a:cs typeface="Arial"/>
              </a:rPr>
              <a:t>+</a:t>
            </a:r>
            <a:r>
              <a:rPr sz="1800" b="1" spc="-20" dirty="0">
                <a:latin typeface="Arial"/>
                <a:cs typeface="Arial"/>
              </a:rPr>
              <a:t> </a:t>
            </a:r>
            <a:r>
              <a:rPr sz="1800" b="1" dirty="0">
                <a:latin typeface="Arial"/>
                <a:cs typeface="Arial"/>
              </a:rPr>
              <a:t>n</a:t>
            </a:r>
            <a:r>
              <a:rPr sz="1800" b="1" spc="-15" dirty="0">
                <a:latin typeface="Arial"/>
                <a:cs typeface="Arial"/>
              </a:rPr>
              <a:t> </a:t>
            </a:r>
            <a:r>
              <a:rPr sz="1800" b="1" dirty="0">
                <a:latin typeface="Arial"/>
                <a:cs typeface="Arial"/>
              </a:rPr>
              <a:t>-</a:t>
            </a:r>
            <a:r>
              <a:rPr sz="1800" b="1" spc="-15" dirty="0">
                <a:latin typeface="Arial"/>
                <a:cs typeface="Arial"/>
              </a:rPr>
              <a:t> </a:t>
            </a:r>
            <a:r>
              <a:rPr sz="1800" b="1" spc="-5" dirty="0">
                <a:latin typeface="Arial"/>
                <a:cs typeface="Arial"/>
              </a:rPr>
              <a:t>1)*t</a:t>
            </a:r>
            <a:r>
              <a:rPr sz="1800" b="1" spc="-7" baseline="-20833" dirty="0">
                <a:latin typeface="Arial"/>
                <a:cs typeface="Arial"/>
              </a:rPr>
              <a:t>p</a:t>
            </a:r>
            <a:endParaRPr sz="1800" baseline="-20833">
              <a:latin typeface="Arial"/>
              <a:cs typeface="Arial"/>
            </a:endParaRPr>
          </a:p>
        </p:txBody>
      </p:sp>
      <p:sp>
        <p:nvSpPr>
          <p:cNvPr id="13" name="object 13"/>
          <p:cNvSpPr txBox="1"/>
          <p:nvPr/>
        </p:nvSpPr>
        <p:spPr>
          <a:xfrm>
            <a:off x="6316471" y="2953258"/>
            <a:ext cx="15938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dirty="0">
                <a:latin typeface="Arial"/>
                <a:cs typeface="Arial"/>
              </a:rPr>
              <a:t>=</a:t>
            </a:r>
            <a:endParaRPr sz="1800">
              <a:latin typeface="Arial"/>
              <a:cs typeface="Arial"/>
            </a:endParaRPr>
          </a:p>
        </p:txBody>
      </p:sp>
      <p:sp>
        <p:nvSpPr>
          <p:cNvPr id="14" name="object 14"/>
          <p:cNvSpPr txBox="1"/>
          <p:nvPr/>
        </p:nvSpPr>
        <p:spPr>
          <a:xfrm>
            <a:off x="6374384" y="3957573"/>
            <a:ext cx="1410970" cy="3308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000" dirty="0">
                <a:latin typeface="Arial MT"/>
                <a:cs typeface="Arial MT"/>
              </a:rPr>
              <a:t>If</a:t>
            </a:r>
            <a:r>
              <a:rPr sz="2000" spc="-50" dirty="0">
                <a:latin typeface="Arial MT"/>
                <a:cs typeface="Arial MT"/>
              </a:rPr>
              <a:t> </a:t>
            </a:r>
            <a:r>
              <a:rPr sz="2000" dirty="0">
                <a:latin typeface="Arial MT"/>
                <a:cs typeface="Arial MT"/>
              </a:rPr>
              <a:t>n</a:t>
            </a:r>
            <a:r>
              <a:rPr sz="2000" spc="-25" dirty="0">
                <a:latin typeface="Arial MT"/>
                <a:cs typeface="Arial MT"/>
              </a:rPr>
              <a:t> </a:t>
            </a:r>
            <a:r>
              <a:rPr sz="2000" spc="-5" dirty="0">
                <a:latin typeface="Calibri"/>
                <a:cs typeface="Calibri"/>
              </a:rPr>
              <a:t>&gt;&gt;</a:t>
            </a:r>
            <a:r>
              <a:rPr sz="2000" spc="-20" dirty="0">
                <a:latin typeface="Calibri"/>
                <a:cs typeface="Calibri"/>
              </a:rPr>
              <a:t> </a:t>
            </a:r>
            <a:r>
              <a:rPr sz="2000" dirty="0">
                <a:latin typeface="Calibri"/>
                <a:cs typeface="Calibri"/>
              </a:rPr>
              <a:t>k</a:t>
            </a:r>
            <a:r>
              <a:rPr sz="2000" spc="-15" dirty="0">
                <a:latin typeface="Calibri"/>
                <a:cs typeface="Calibri"/>
              </a:rPr>
              <a:t> </a:t>
            </a:r>
            <a:r>
              <a:rPr sz="2000" dirty="0">
                <a:latin typeface="Calibri"/>
                <a:cs typeface="Calibri"/>
              </a:rPr>
              <a:t>then</a:t>
            </a:r>
            <a:endParaRPr sz="2000">
              <a:latin typeface="Calibri"/>
              <a:cs typeface="Calibri"/>
            </a:endParaRPr>
          </a:p>
        </p:txBody>
      </p:sp>
      <p:sp>
        <p:nvSpPr>
          <p:cNvPr id="15" name="object 15"/>
          <p:cNvSpPr txBox="1"/>
          <p:nvPr/>
        </p:nvSpPr>
        <p:spPr>
          <a:xfrm>
            <a:off x="3360546" y="5578246"/>
            <a:ext cx="110489" cy="20891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i="1" dirty="0">
                <a:latin typeface="Arial"/>
                <a:cs typeface="Arial"/>
              </a:rPr>
              <a:t>k</a:t>
            </a:r>
            <a:endParaRPr sz="1200">
              <a:latin typeface="Arial"/>
              <a:cs typeface="Arial"/>
            </a:endParaRPr>
          </a:p>
        </p:txBody>
      </p:sp>
      <p:sp>
        <p:nvSpPr>
          <p:cNvPr id="16" name="object 16"/>
          <p:cNvSpPr txBox="1"/>
          <p:nvPr/>
        </p:nvSpPr>
        <p:spPr>
          <a:xfrm>
            <a:off x="3844163" y="5571540"/>
            <a:ext cx="1426210" cy="3308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i="1" dirty="0">
                <a:latin typeface="Arial"/>
                <a:cs typeface="Arial"/>
              </a:rPr>
              <a:t>[</a:t>
            </a:r>
            <a:r>
              <a:rPr sz="1800" b="1" i="1" spc="-25" dirty="0">
                <a:latin typeface="Arial"/>
                <a:cs typeface="Arial"/>
              </a:rPr>
              <a:t> </a:t>
            </a:r>
            <a:r>
              <a:rPr sz="1800" b="1" i="1" spc="-5" dirty="0">
                <a:latin typeface="Arial"/>
                <a:cs typeface="Arial"/>
              </a:rPr>
              <a:t>k</a:t>
            </a:r>
            <a:r>
              <a:rPr sz="1800" b="1" i="1" spc="-15" dirty="0">
                <a:latin typeface="Arial"/>
                <a:cs typeface="Arial"/>
              </a:rPr>
              <a:t> </a:t>
            </a:r>
            <a:r>
              <a:rPr sz="1800" b="1" i="1" dirty="0">
                <a:latin typeface="Arial"/>
                <a:cs typeface="Arial"/>
              </a:rPr>
              <a:t>+</a:t>
            </a:r>
            <a:r>
              <a:rPr sz="1800" b="1" i="1" spc="-15" dirty="0">
                <a:latin typeface="Arial"/>
                <a:cs typeface="Arial"/>
              </a:rPr>
              <a:t> </a:t>
            </a:r>
            <a:r>
              <a:rPr sz="1800" b="1" i="1" spc="-5" dirty="0">
                <a:latin typeface="Arial"/>
                <a:cs typeface="Arial"/>
              </a:rPr>
              <a:t>(n-1)]</a:t>
            </a:r>
            <a:r>
              <a:rPr sz="1800" b="1" i="1" spc="-15" dirty="0">
                <a:latin typeface="Arial"/>
                <a:cs typeface="Arial"/>
              </a:rPr>
              <a:t> </a:t>
            </a:r>
            <a:r>
              <a:rPr sz="2000" b="1" spc="10" dirty="0">
                <a:latin typeface="Arial"/>
                <a:cs typeface="Arial"/>
              </a:rPr>
              <a:t>t</a:t>
            </a:r>
            <a:r>
              <a:rPr sz="1950" b="1" spc="15" baseline="-21367" dirty="0">
                <a:latin typeface="Arial"/>
                <a:cs typeface="Arial"/>
              </a:rPr>
              <a:t>p</a:t>
            </a:r>
            <a:endParaRPr sz="1950" baseline="-21367">
              <a:latin typeface="Arial"/>
              <a:cs typeface="Arial"/>
            </a:endParaRPr>
          </a:p>
        </p:txBody>
      </p:sp>
      <p:sp>
        <p:nvSpPr>
          <p:cNvPr id="17" name="object 17"/>
          <p:cNvSpPr txBox="1"/>
          <p:nvPr/>
        </p:nvSpPr>
        <p:spPr>
          <a:xfrm>
            <a:off x="5329173" y="5445658"/>
            <a:ext cx="159385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dirty="0">
                <a:latin typeface="Arial"/>
                <a:cs typeface="Arial"/>
              </a:rPr>
              <a:t>=</a:t>
            </a:r>
            <a:endParaRPr sz="1800">
              <a:latin typeface="Arial"/>
              <a:cs typeface="Arial"/>
            </a:endParaRPr>
          </a:p>
        </p:txBody>
      </p:sp>
      <p:sp>
        <p:nvSpPr>
          <p:cNvPr id="18" name="object 18"/>
          <p:cNvSpPr txBox="1"/>
          <p:nvPr/>
        </p:nvSpPr>
        <p:spPr>
          <a:xfrm>
            <a:off x="9145016" y="5261609"/>
            <a:ext cx="15303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1</a:t>
            </a:r>
            <a:endParaRPr sz="1800">
              <a:latin typeface="Arial"/>
              <a:cs typeface="Arial"/>
            </a:endParaRPr>
          </a:p>
        </p:txBody>
      </p:sp>
      <p:sp>
        <p:nvSpPr>
          <p:cNvPr id="19" name="object 19"/>
          <p:cNvSpPr txBox="1"/>
          <p:nvPr/>
        </p:nvSpPr>
        <p:spPr>
          <a:xfrm>
            <a:off x="9198991" y="5646521"/>
            <a:ext cx="10160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dirty="0">
                <a:latin typeface="Arial"/>
                <a:cs typeface="Arial"/>
              </a:rPr>
              <a:t>t</a:t>
            </a:r>
            <a:endParaRPr sz="1800">
              <a:latin typeface="Arial"/>
              <a:cs typeface="Arial"/>
            </a:endParaRPr>
          </a:p>
        </p:txBody>
      </p:sp>
      <p:sp>
        <p:nvSpPr>
          <p:cNvPr id="20" name="object 20"/>
          <p:cNvSpPr txBox="1"/>
          <p:nvPr/>
        </p:nvSpPr>
        <p:spPr>
          <a:xfrm>
            <a:off x="9275191" y="5779109"/>
            <a:ext cx="118745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dirty="0">
                <a:latin typeface="Arial"/>
                <a:cs typeface="Arial"/>
              </a:rPr>
              <a:t>p</a:t>
            </a:r>
            <a:endParaRPr sz="1200">
              <a:latin typeface="Arial"/>
              <a:cs typeface="Arial"/>
            </a:endParaRPr>
          </a:p>
        </p:txBody>
      </p:sp>
      <p:sp>
        <p:nvSpPr>
          <p:cNvPr id="21" name="object 21"/>
          <p:cNvSpPr/>
          <p:nvPr/>
        </p:nvSpPr>
        <p:spPr>
          <a:xfrm>
            <a:off x="5729478" y="5599938"/>
            <a:ext cx="3733800" cy="56515"/>
          </a:xfrm>
          <a:custGeom>
            <a:avLst/>
            <a:gdLst/>
            <a:ahLst/>
            <a:cxnLst/>
            <a:rect l="l" t="t" r="r" b="b"/>
            <a:pathLst>
              <a:path w="3733800" h="56514">
                <a:moveTo>
                  <a:pt x="3288792" y="1524"/>
                </a:moveTo>
                <a:lnTo>
                  <a:pt x="3733800" y="0"/>
                </a:lnTo>
              </a:path>
              <a:path w="3733800" h="56514">
                <a:moveTo>
                  <a:pt x="0" y="56387"/>
                </a:moveTo>
                <a:lnTo>
                  <a:pt x="445008" y="54864"/>
                </a:lnTo>
              </a:path>
            </a:pathLst>
          </a:custGeom>
          <a:ln w="19050">
            <a:solidFill>
              <a:srgbClr val="0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2" name="object 22"/>
          <p:cNvSpPr txBox="1"/>
          <p:nvPr/>
        </p:nvSpPr>
        <p:spPr>
          <a:xfrm>
            <a:off x="3188335" y="6291478"/>
            <a:ext cx="578421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spc="-5" dirty="0">
                <a:solidFill>
                  <a:srgbClr val="FF0000"/>
                </a:solidFill>
                <a:latin typeface="Verdana"/>
                <a:cs typeface="Verdana"/>
              </a:rPr>
              <a:t>Pipelined</a:t>
            </a:r>
            <a:r>
              <a:rPr sz="1800" spc="-135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120" dirty="0">
                <a:solidFill>
                  <a:srgbClr val="FF0000"/>
                </a:solidFill>
                <a:latin typeface="Verdana"/>
                <a:cs typeface="Verdana"/>
              </a:rPr>
              <a:t>system</a:t>
            </a:r>
            <a:r>
              <a:rPr sz="1800" spc="-105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180" dirty="0">
                <a:solidFill>
                  <a:srgbClr val="FF0000"/>
                </a:solidFill>
                <a:latin typeface="Verdana"/>
                <a:cs typeface="Verdana"/>
              </a:rPr>
              <a:t>is</a:t>
            </a:r>
            <a:r>
              <a:rPr sz="1800" spc="-155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30" dirty="0">
                <a:solidFill>
                  <a:srgbClr val="FF0000"/>
                </a:solidFill>
                <a:latin typeface="Verdana"/>
                <a:cs typeface="Verdana"/>
              </a:rPr>
              <a:t>better</a:t>
            </a:r>
            <a:r>
              <a:rPr sz="1800" spc="-100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20" dirty="0">
                <a:solidFill>
                  <a:srgbClr val="FF0000"/>
                </a:solidFill>
                <a:latin typeface="Verdana"/>
                <a:cs typeface="Verdana"/>
              </a:rPr>
              <a:t>than</a:t>
            </a:r>
            <a:r>
              <a:rPr sz="1800" spc="-114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15" dirty="0">
                <a:solidFill>
                  <a:srgbClr val="FF0000"/>
                </a:solidFill>
                <a:latin typeface="Verdana"/>
                <a:cs typeface="Verdana"/>
              </a:rPr>
              <a:t>non-pipelined</a:t>
            </a:r>
            <a:r>
              <a:rPr sz="1800" spc="-125" dirty="0">
                <a:solidFill>
                  <a:srgbClr val="FF0000"/>
                </a:solidFill>
                <a:latin typeface="Verdana"/>
                <a:cs typeface="Verdana"/>
              </a:rPr>
              <a:t> </a:t>
            </a:r>
            <a:r>
              <a:rPr sz="1800" spc="-114" dirty="0">
                <a:solidFill>
                  <a:srgbClr val="FF0000"/>
                </a:solidFill>
                <a:latin typeface="Verdana"/>
                <a:cs typeface="Verdana"/>
              </a:rPr>
              <a:t>system</a:t>
            </a:r>
            <a:endParaRPr sz="1800">
              <a:latin typeface="Verdana"/>
              <a:cs typeface="Verdana"/>
            </a:endParaRPr>
          </a:p>
        </p:txBody>
      </p:sp>
      <p:sp>
        <p:nvSpPr>
          <p:cNvPr id="23" name="object 23"/>
          <p:cNvSpPr txBox="1"/>
          <p:nvPr/>
        </p:nvSpPr>
        <p:spPr>
          <a:xfrm>
            <a:off x="7965313" y="3948429"/>
            <a:ext cx="70104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i="1" spc="-5" dirty="0">
                <a:latin typeface="Arial"/>
                <a:cs typeface="Arial"/>
              </a:rPr>
              <a:t>E</a:t>
            </a:r>
            <a:r>
              <a:rPr sz="1800" b="1" i="1" spc="-7" baseline="-20833" dirty="0">
                <a:latin typeface="Arial"/>
                <a:cs typeface="Arial"/>
              </a:rPr>
              <a:t>k</a:t>
            </a:r>
            <a:r>
              <a:rPr sz="1800" b="1" i="1" spc="187" baseline="-20833" dirty="0">
                <a:latin typeface="Arial"/>
                <a:cs typeface="Arial"/>
              </a:rPr>
              <a:t> </a:t>
            </a:r>
            <a:r>
              <a:rPr sz="1800" b="1" i="1" dirty="0">
                <a:latin typeface="Arial"/>
                <a:cs typeface="Arial"/>
              </a:rPr>
              <a:t>=</a:t>
            </a:r>
            <a:r>
              <a:rPr sz="1800" b="1" i="1" spc="-35" dirty="0">
                <a:latin typeface="Arial"/>
                <a:cs typeface="Arial"/>
              </a:rPr>
              <a:t> </a:t>
            </a:r>
            <a:r>
              <a:rPr sz="1800" b="1" i="1" spc="-5" dirty="0">
                <a:latin typeface="Arial"/>
                <a:cs typeface="Arial"/>
              </a:rPr>
              <a:t>1</a:t>
            </a:r>
            <a:endParaRPr sz="1800">
              <a:latin typeface="Arial"/>
              <a:cs typeface="Arial"/>
            </a:endParaRPr>
          </a:p>
        </p:txBody>
      </p:sp>
      <p:sp>
        <p:nvSpPr>
          <p:cNvPr id="24" name="object 24"/>
          <p:cNvSpPr txBox="1"/>
          <p:nvPr/>
        </p:nvSpPr>
        <p:spPr>
          <a:xfrm>
            <a:off x="2188717" y="4310633"/>
            <a:ext cx="5219700" cy="79375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u="heavy" spc="-5" dirty="0">
                <a:uFill>
                  <a:solidFill>
                    <a:srgbClr val="000000"/>
                  </a:solidFill>
                </a:uFill>
                <a:latin typeface="Arial MT"/>
                <a:cs typeface="Arial MT"/>
              </a:rPr>
              <a:t>Throughput</a:t>
            </a:r>
            <a:r>
              <a:rPr sz="1800" spc="-30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(</a:t>
            </a:r>
            <a:r>
              <a:rPr sz="1800" i="1" spc="-5" dirty="0">
                <a:latin typeface="Arial"/>
                <a:cs typeface="Arial"/>
              </a:rPr>
              <a:t>H</a:t>
            </a:r>
            <a:r>
              <a:rPr sz="1800" i="1" spc="-7" baseline="-20833" dirty="0">
                <a:latin typeface="Arial"/>
                <a:cs typeface="Arial"/>
              </a:rPr>
              <a:t>k</a:t>
            </a:r>
            <a:r>
              <a:rPr sz="1800" spc="-5" dirty="0">
                <a:latin typeface="Arial MT"/>
                <a:cs typeface="Arial MT"/>
              </a:rPr>
              <a:t>)</a:t>
            </a:r>
            <a:endParaRPr sz="1800">
              <a:latin typeface="Arial MT"/>
              <a:cs typeface="Arial MT"/>
            </a:endParaRPr>
          </a:p>
          <a:p>
            <a:pPr marL="38100">
              <a:lnSpc>
                <a:spcPct val="100000"/>
              </a:lnSpc>
              <a:spcBef>
                <a:spcPts val="1725"/>
              </a:spcBef>
            </a:pPr>
            <a:r>
              <a:rPr sz="1800" dirty="0">
                <a:latin typeface="Arial MT"/>
                <a:cs typeface="Arial MT"/>
              </a:rPr>
              <a:t>The</a:t>
            </a:r>
            <a:r>
              <a:rPr sz="1800" spc="-25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number</a:t>
            </a:r>
            <a:r>
              <a:rPr sz="1800" spc="10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of </a:t>
            </a:r>
            <a:r>
              <a:rPr sz="1800" spc="-5" dirty="0">
                <a:latin typeface="Arial MT"/>
                <a:cs typeface="Arial MT"/>
              </a:rPr>
              <a:t>instructions</a:t>
            </a:r>
            <a:r>
              <a:rPr sz="1800" spc="5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completed</a:t>
            </a:r>
            <a:r>
              <a:rPr sz="1800" spc="5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per</a:t>
            </a:r>
            <a:r>
              <a:rPr sz="1800" dirty="0">
                <a:latin typeface="Arial MT"/>
                <a:cs typeface="Arial MT"/>
              </a:rPr>
              <a:t> </a:t>
            </a:r>
            <a:r>
              <a:rPr sz="1800" spc="-5" dirty="0">
                <a:latin typeface="Arial MT"/>
                <a:cs typeface="Arial MT"/>
              </a:rPr>
              <a:t>unit</a:t>
            </a:r>
            <a:r>
              <a:rPr sz="1800" spc="10" dirty="0">
                <a:latin typeface="Arial MT"/>
                <a:cs typeface="Arial MT"/>
              </a:rPr>
              <a:t> </a:t>
            </a:r>
            <a:r>
              <a:rPr sz="1800" dirty="0">
                <a:latin typeface="Arial MT"/>
                <a:cs typeface="Arial MT"/>
              </a:rPr>
              <a:t>time</a:t>
            </a:r>
            <a:endParaRPr sz="1800">
              <a:latin typeface="Arial MT"/>
              <a:cs typeface="Arial MT"/>
            </a:endParaRPr>
          </a:p>
        </p:txBody>
      </p:sp>
      <p:sp>
        <p:nvSpPr>
          <p:cNvPr id="25" name="object 25"/>
          <p:cNvSpPr txBox="1"/>
          <p:nvPr/>
        </p:nvSpPr>
        <p:spPr>
          <a:xfrm>
            <a:off x="3157854" y="5302072"/>
            <a:ext cx="2989580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50800">
              <a:lnSpc>
                <a:spcPct val="100000"/>
              </a:lnSpc>
              <a:spcBef>
                <a:spcPts val="100"/>
              </a:spcBef>
              <a:tabLst>
                <a:tab pos="362585" algn="l"/>
                <a:tab pos="645160" algn="l"/>
                <a:tab pos="1116965" algn="l"/>
                <a:tab pos="2016760" algn="l"/>
                <a:tab pos="2700655" algn="l"/>
              </a:tabLst>
            </a:pPr>
            <a:r>
              <a:rPr sz="2700" b="1" i="1" baseline="-35493" dirty="0">
                <a:latin typeface="Arial"/>
                <a:cs typeface="Arial"/>
              </a:rPr>
              <a:t>H	=	</a:t>
            </a:r>
            <a:r>
              <a:rPr sz="2700" b="1" i="1" u="heavy" baseline="1543" dirty="0">
                <a:uFill>
                  <a:solidFill>
                    <a:srgbClr val="000000"/>
                  </a:solidFill>
                </a:uFill>
                <a:latin typeface="Arial"/>
                <a:cs typeface="Arial"/>
              </a:rPr>
              <a:t> 	n	</a:t>
            </a:r>
            <a:r>
              <a:rPr sz="2700" b="1" i="1" baseline="1543" dirty="0">
                <a:latin typeface="Arial"/>
                <a:cs typeface="Arial"/>
              </a:rPr>
              <a:t>	</a:t>
            </a:r>
            <a:r>
              <a:rPr sz="1800" b="1" i="1" spc="-5" dirty="0">
                <a:latin typeface="Arial"/>
                <a:cs typeface="Arial"/>
              </a:rPr>
              <a:t>E</a:t>
            </a:r>
            <a:r>
              <a:rPr sz="1800" b="1" i="1" spc="-7" baseline="-20833" dirty="0">
                <a:latin typeface="Arial"/>
                <a:cs typeface="Arial"/>
              </a:rPr>
              <a:t>k</a:t>
            </a:r>
            <a:endParaRPr sz="1800" baseline="-20833">
              <a:latin typeface="Arial"/>
              <a:cs typeface="Arial"/>
            </a:endParaRPr>
          </a:p>
        </p:txBody>
      </p:sp>
      <p:sp>
        <p:nvSpPr>
          <p:cNvPr id="26" name="object 26"/>
          <p:cNvSpPr txBox="1"/>
          <p:nvPr/>
        </p:nvSpPr>
        <p:spPr>
          <a:xfrm>
            <a:off x="5871717" y="5740400"/>
            <a:ext cx="245745" cy="30035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8100">
              <a:lnSpc>
                <a:spcPct val="100000"/>
              </a:lnSpc>
              <a:spcBef>
                <a:spcPts val="100"/>
              </a:spcBef>
            </a:pPr>
            <a:r>
              <a:rPr sz="1800" b="1" spc="-5" dirty="0">
                <a:latin typeface="Arial"/>
                <a:cs typeface="Arial"/>
              </a:rPr>
              <a:t>t</a:t>
            </a:r>
            <a:r>
              <a:rPr sz="1800" b="1" spc="-7" baseline="-20833" dirty="0">
                <a:latin typeface="Arial"/>
                <a:cs typeface="Arial"/>
              </a:rPr>
              <a:t>p</a:t>
            </a:r>
            <a:endParaRPr sz="1800" baseline="-20833">
              <a:latin typeface="Arial"/>
              <a:cs typeface="Arial"/>
            </a:endParaRPr>
          </a:p>
        </p:txBody>
      </p:sp>
      <p:sp>
        <p:nvSpPr>
          <p:cNvPr id="27" name="object 27"/>
          <p:cNvSpPr txBox="1"/>
          <p:nvPr/>
        </p:nvSpPr>
        <p:spPr>
          <a:xfrm>
            <a:off x="7046468" y="5617261"/>
            <a:ext cx="110489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i="1" spc="-5" dirty="0">
                <a:latin typeface="Arial"/>
                <a:cs typeface="Arial"/>
              </a:rPr>
              <a:t>k</a:t>
            </a:r>
            <a:endParaRPr sz="1200">
              <a:latin typeface="Arial"/>
              <a:cs typeface="Arial"/>
            </a:endParaRPr>
          </a:p>
        </p:txBody>
      </p:sp>
      <p:sp>
        <p:nvSpPr>
          <p:cNvPr id="28" name="object 28"/>
          <p:cNvSpPr txBox="1"/>
          <p:nvPr/>
        </p:nvSpPr>
        <p:spPr>
          <a:xfrm>
            <a:off x="6631685" y="5467908"/>
            <a:ext cx="1553210" cy="33083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574675" algn="l"/>
                <a:tab pos="1059180" algn="l"/>
              </a:tabLst>
            </a:pPr>
            <a:r>
              <a:rPr sz="2000" dirty="0">
                <a:latin typeface="Arial MT"/>
                <a:cs typeface="Arial MT"/>
              </a:rPr>
              <a:t>If </a:t>
            </a:r>
            <a:r>
              <a:rPr sz="2000" spc="-160" dirty="0">
                <a:latin typeface="Arial MT"/>
                <a:cs typeface="Arial MT"/>
              </a:rPr>
              <a:t> </a:t>
            </a:r>
            <a:r>
              <a:rPr sz="2700" b="1" i="1" baseline="1543" dirty="0">
                <a:latin typeface="Arial"/>
                <a:cs typeface="Arial"/>
              </a:rPr>
              <a:t>E	= </a:t>
            </a:r>
            <a:r>
              <a:rPr sz="2700" b="1" i="1" spc="-7" baseline="1543" dirty="0">
                <a:latin typeface="Arial"/>
                <a:cs typeface="Arial"/>
              </a:rPr>
              <a:t>1</a:t>
            </a:r>
            <a:r>
              <a:rPr sz="2700" b="1" i="1" baseline="1543" dirty="0">
                <a:latin typeface="Arial"/>
                <a:cs typeface="Arial"/>
              </a:rPr>
              <a:t>	</a:t>
            </a:r>
            <a:r>
              <a:rPr sz="2000" dirty="0">
                <a:latin typeface="Calibri"/>
                <a:cs typeface="Calibri"/>
              </a:rPr>
              <a:t>t</a:t>
            </a:r>
            <a:r>
              <a:rPr sz="2000" spc="5" dirty="0">
                <a:latin typeface="Calibri"/>
                <a:cs typeface="Calibri"/>
              </a:rPr>
              <a:t>h</a:t>
            </a:r>
            <a:r>
              <a:rPr sz="2000" dirty="0">
                <a:latin typeface="Calibri"/>
                <a:cs typeface="Calibri"/>
              </a:rPr>
              <a:t>en</a:t>
            </a:r>
            <a:endParaRPr sz="2000">
              <a:latin typeface="Calibri"/>
              <a:cs typeface="Calibri"/>
            </a:endParaRPr>
          </a:p>
        </p:txBody>
      </p:sp>
      <p:sp>
        <p:nvSpPr>
          <p:cNvPr id="29" name="object 29"/>
          <p:cNvSpPr txBox="1"/>
          <p:nvPr/>
        </p:nvSpPr>
        <p:spPr>
          <a:xfrm>
            <a:off x="8497569" y="5592267"/>
            <a:ext cx="110489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b="1" i="1" spc="-5" dirty="0">
                <a:latin typeface="Arial"/>
                <a:cs typeface="Arial"/>
              </a:rPr>
              <a:t>k</a:t>
            </a:r>
            <a:endParaRPr sz="1200">
              <a:latin typeface="Arial"/>
              <a:cs typeface="Arial"/>
            </a:endParaRPr>
          </a:p>
        </p:txBody>
      </p:sp>
      <p:sp>
        <p:nvSpPr>
          <p:cNvPr id="30" name="object 30"/>
          <p:cNvSpPr txBox="1"/>
          <p:nvPr/>
        </p:nvSpPr>
        <p:spPr>
          <a:xfrm>
            <a:off x="8332978" y="5459679"/>
            <a:ext cx="47180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324485" algn="l"/>
              </a:tabLst>
            </a:pPr>
            <a:r>
              <a:rPr sz="1800" b="1" i="1" spc="-5" dirty="0">
                <a:latin typeface="Arial"/>
                <a:cs typeface="Arial"/>
              </a:rPr>
              <a:t>H	=</a:t>
            </a:r>
            <a:endParaRPr sz="1800">
              <a:latin typeface="Arial"/>
              <a:cs typeface="Arial"/>
            </a:endParaRPr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7436539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70" smtClean="0">
                <a:latin typeface="Verdana"/>
                <a:cs typeface="Verdana"/>
              </a:rPr>
              <a:t>Peripheral</a:t>
            </a:r>
            <a:r>
              <a:rPr sz="3600" spc="-260" smtClean="0">
                <a:latin typeface="Verdana"/>
                <a:cs typeface="Verdana"/>
              </a:rPr>
              <a:t> </a:t>
            </a:r>
            <a:r>
              <a:rPr sz="3600" spc="-25" smtClean="0">
                <a:latin typeface="Verdana"/>
                <a:cs typeface="Verdana"/>
              </a:rPr>
              <a:t>Device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454658" y="2130933"/>
            <a:ext cx="9274175" cy="4325620"/>
          </a:xfrm>
          <a:prstGeom prst="rect">
            <a:avLst/>
          </a:prstGeom>
        </p:spPr>
        <p:txBody>
          <a:bodyPr vert="horz" wrap="square" lIns="0" tIns="139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95"/>
              </a:spcBef>
              <a:tabLst>
                <a:tab pos="355600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put/Output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at ar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nected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 called</a:t>
            </a:r>
            <a:r>
              <a:rPr sz="18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Peripheral</a:t>
            </a:r>
            <a:r>
              <a:rPr sz="18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device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1800">
              <a:latin typeface="Times New Roman"/>
              <a:cs typeface="Times New Roman"/>
            </a:endParaRPr>
          </a:p>
          <a:p>
            <a:pPr marL="355600" marR="5080" indent="-343535">
              <a:lnSpc>
                <a:spcPct val="100000"/>
              </a:lnSpc>
              <a:spcBef>
                <a:spcPts val="994"/>
              </a:spcBef>
              <a:tabLst>
                <a:tab pos="355600" algn="l"/>
              </a:tabLst>
            </a:pPr>
            <a:r>
              <a:rPr sz="1450" spc="-15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se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s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8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designed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read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upon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and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nsidered to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 part of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system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010"/>
              </a:spcBef>
              <a:tabLst>
                <a:tab pos="355600" algn="l"/>
              </a:tabLst>
            </a:pPr>
            <a:r>
              <a:rPr sz="1450" spc="-14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example: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i="1" spc="-10" dirty="0">
                <a:solidFill>
                  <a:srgbClr val="404040"/>
                </a:solidFill>
                <a:latin typeface="Times New Roman"/>
                <a:cs typeface="Times New Roman"/>
              </a:rPr>
              <a:t>Keyboards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,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i="1" dirty="0">
                <a:solidFill>
                  <a:srgbClr val="404040"/>
                </a:solidFill>
                <a:latin typeface="Times New Roman"/>
                <a:cs typeface="Times New Roman"/>
              </a:rPr>
              <a:t>display</a:t>
            </a:r>
            <a:r>
              <a:rPr sz="1800" i="1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i="1" dirty="0">
                <a:solidFill>
                  <a:srgbClr val="404040"/>
                </a:solidFill>
                <a:latin typeface="Times New Roman"/>
                <a:cs typeface="Times New Roman"/>
              </a:rPr>
              <a:t>units,</a:t>
            </a:r>
            <a:r>
              <a:rPr sz="1800" i="1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i="1" dirty="0">
                <a:solidFill>
                  <a:srgbClr val="404040"/>
                </a:solidFill>
                <a:latin typeface="Times New Roman"/>
                <a:cs typeface="Times New Roman"/>
              </a:rPr>
              <a:t>printers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mmon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eripheral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evices.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94"/>
              </a:spcBef>
            </a:pPr>
            <a:r>
              <a:rPr sz="1800" b="1" spc="-10" dirty="0">
                <a:latin typeface="Times New Roman"/>
                <a:cs typeface="Times New Roman"/>
              </a:rPr>
              <a:t>There </a:t>
            </a:r>
            <a:r>
              <a:rPr sz="1800" b="1" spc="-15" dirty="0">
                <a:latin typeface="Times New Roman"/>
                <a:cs typeface="Times New Roman"/>
              </a:rPr>
              <a:t>are </a:t>
            </a:r>
            <a:r>
              <a:rPr sz="1800" b="1" spc="-10" dirty="0">
                <a:latin typeface="Times New Roman"/>
                <a:cs typeface="Times New Roman"/>
              </a:rPr>
              <a:t>three </a:t>
            </a:r>
            <a:r>
              <a:rPr sz="1800" b="1" dirty="0">
                <a:latin typeface="Times New Roman"/>
                <a:cs typeface="Times New Roman"/>
              </a:rPr>
              <a:t>types</a:t>
            </a:r>
            <a:r>
              <a:rPr sz="1800" b="1" spc="-20" dirty="0">
                <a:latin typeface="Times New Roman"/>
                <a:cs typeface="Times New Roman"/>
              </a:rPr>
              <a:t> </a:t>
            </a:r>
            <a:r>
              <a:rPr sz="1800" b="1" dirty="0">
                <a:latin typeface="Times New Roman"/>
                <a:cs typeface="Times New Roman"/>
              </a:rPr>
              <a:t>of peripherals:</a:t>
            </a:r>
            <a:endParaRPr sz="1800">
              <a:latin typeface="Times New Roman"/>
              <a:cs typeface="Times New Roman"/>
            </a:endParaRPr>
          </a:p>
          <a:p>
            <a:pPr marL="355600" indent="-343535">
              <a:lnSpc>
                <a:spcPct val="100000"/>
              </a:lnSpc>
              <a:spcBef>
                <a:spcPts val="700"/>
              </a:spcBef>
              <a:buClr>
                <a:srgbClr val="B83C68"/>
              </a:buClr>
              <a:buSzPct val="80555"/>
              <a:buAutoNum type="arabicPeriod"/>
              <a:tabLst>
                <a:tab pos="355600" algn="l"/>
                <a:tab pos="356235" algn="l"/>
                <a:tab pos="978535" algn="l"/>
                <a:tab pos="2196465" algn="l"/>
                <a:tab pos="2996565" algn="l"/>
                <a:tab pos="3516629" algn="l"/>
                <a:tab pos="4126229" algn="l"/>
                <a:tab pos="4709795" algn="l"/>
                <a:tab pos="5129530" algn="l"/>
                <a:tab pos="5929630" algn="l"/>
                <a:tab pos="6601459" algn="l"/>
                <a:tab pos="6918325" algn="l"/>
                <a:tab pos="7338059" algn="l"/>
                <a:tab pos="8383270" algn="l"/>
              </a:tabLst>
            </a:pP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nput	pe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r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ph</a:t>
            </a:r>
            <a:r>
              <a:rPr sz="1800" spc="5" dirty="0">
                <a:solidFill>
                  <a:srgbClr val="C00000"/>
                </a:solidFill>
                <a:latin typeface="Times New Roman"/>
                <a:cs typeface="Times New Roman"/>
              </a:rPr>
              <a:t>e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r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al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: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ws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user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	input	from	t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	outsi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d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	wor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l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d	to	the	com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ut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1800" spc="-9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.	Ex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pl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: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1080"/>
              </a:spcBef>
            </a:pP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Keyboard,</a:t>
            </a:r>
            <a:r>
              <a:rPr sz="18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ouse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endParaRPr sz="1800">
              <a:latin typeface="Times New Roman"/>
              <a:cs typeface="Times New Roman"/>
            </a:endParaRPr>
          </a:p>
          <a:p>
            <a:pPr marL="355600" indent="-343535">
              <a:lnSpc>
                <a:spcPct val="100000"/>
              </a:lnSpc>
              <a:spcBef>
                <a:spcPts val="1080"/>
              </a:spcBef>
              <a:buClr>
                <a:srgbClr val="B83C68"/>
              </a:buClr>
              <a:buSzPct val="80555"/>
              <a:buAutoNum type="arabicPeriod" startAt="2"/>
              <a:tabLst>
                <a:tab pos="355600" algn="l"/>
                <a:tab pos="356235" algn="l"/>
              </a:tabLst>
            </a:pP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Output</a:t>
            </a:r>
            <a:r>
              <a:rPr sz="18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peripherals:</a:t>
            </a:r>
            <a:r>
              <a:rPr sz="18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ws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nformation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put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from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outside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world.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Example:</a:t>
            </a:r>
            <a:endParaRPr sz="18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1080"/>
              </a:spcBef>
            </a:pP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Printer,</a:t>
            </a:r>
            <a:r>
              <a:rPr sz="18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onitor</a:t>
            </a:r>
            <a:r>
              <a:rPr sz="18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endParaRPr sz="1800">
              <a:latin typeface="Times New Roman"/>
              <a:cs typeface="Times New Roman"/>
            </a:endParaRPr>
          </a:p>
          <a:p>
            <a:pPr marL="355600" marR="5715" indent="-343535">
              <a:lnSpc>
                <a:spcPct val="150000"/>
              </a:lnSpc>
              <a:buClr>
                <a:srgbClr val="B83C68"/>
              </a:buClr>
              <a:buSzPct val="80555"/>
              <a:buAutoNum type="arabicPeriod" startAt="3"/>
              <a:tabLst>
                <a:tab pos="355600" algn="l"/>
                <a:tab pos="356235" algn="l"/>
              </a:tabLst>
            </a:pP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nput-Output</a:t>
            </a:r>
            <a:r>
              <a:rPr sz="1800" spc="2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peripherals:</a:t>
            </a:r>
            <a:r>
              <a:rPr sz="18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llows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both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input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(from</a:t>
            </a:r>
            <a:r>
              <a:rPr sz="18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side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orld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),</a:t>
            </a:r>
            <a:r>
              <a:rPr sz="18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18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well</a:t>
            </a:r>
            <a:r>
              <a:rPr sz="18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as,</a:t>
            </a:r>
            <a:r>
              <a:rPr sz="18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put </a:t>
            </a:r>
            <a:r>
              <a:rPr sz="1800" spc="-43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(from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8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8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outside world). Example: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External</a:t>
            </a:r>
            <a:r>
              <a:rPr sz="18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8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1800" dirty="0">
                <a:solidFill>
                  <a:srgbClr val="404040"/>
                </a:solidFill>
                <a:latin typeface="Times New Roman"/>
                <a:cs typeface="Times New Roman"/>
              </a:rPr>
              <a:t> devices.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pc="-5" dirty="0"/>
              <a:t>Generally</a:t>
            </a:r>
            <a:r>
              <a:rPr dirty="0"/>
              <a:t> </a:t>
            </a:r>
            <a:r>
              <a:rPr spc="-5" dirty="0"/>
              <a:t>there</a:t>
            </a:r>
            <a:r>
              <a:rPr spc="10" dirty="0"/>
              <a:t> </a:t>
            </a:r>
            <a:r>
              <a:rPr spc="-5" dirty="0"/>
              <a:t>are</a:t>
            </a:r>
            <a:r>
              <a:rPr dirty="0"/>
              <a:t> </a:t>
            </a:r>
            <a:r>
              <a:rPr spc="-5" dirty="0"/>
              <a:t>two</a:t>
            </a:r>
            <a:r>
              <a:rPr spc="10" dirty="0"/>
              <a:t> </a:t>
            </a:r>
            <a:r>
              <a:rPr spc="-5" dirty="0"/>
              <a:t>areas</a:t>
            </a:r>
            <a:r>
              <a:rPr dirty="0"/>
              <a:t> </a:t>
            </a:r>
            <a:r>
              <a:rPr spc="-5" dirty="0"/>
              <a:t>of</a:t>
            </a:r>
            <a:r>
              <a:rPr spc="15" dirty="0"/>
              <a:t> </a:t>
            </a:r>
            <a:r>
              <a:rPr spc="-5" dirty="0"/>
              <a:t>computer</a:t>
            </a:r>
            <a:r>
              <a:rPr spc="25" dirty="0"/>
              <a:t> </a:t>
            </a:r>
            <a:r>
              <a:rPr spc="-5" dirty="0"/>
              <a:t>design</a:t>
            </a:r>
            <a:r>
              <a:rPr dirty="0"/>
              <a:t> </a:t>
            </a:r>
            <a:r>
              <a:rPr spc="-5" dirty="0"/>
              <a:t>where</a:t>
            </a:r>
            <a:r>
              <a:rPr spc="15" dirty="0"/>
              <a:t> </a:t>
            </a:r>
            <a:r>
              <a:rPr spc="-5" dirty="0"/>
              <a:t>the pipeline</a:t>
            </a:r>
            <a:r>
              <a:rPr dirty="0"/>
              <a:t> </a:t>
            </a:r>
            <a:r>
              <a:rPr spc="-10" dirty="0"/>
              <a:t>mostly</a:t>
            </a:r>
            <a:r>
              <a:rPr spc="35" dirty="0"/>
              <a:t> </a:t>
            </a:r>
            <a:r>
              <a:rPr spc="-5" dirty="0"/>
              <a:t>applicable.</a:t>
            </a:r>
            <a:endParaRPr sz="1500">
              <a:latin typeface="Lucida Sans Unicode"/>
              <a:cs typeface="Lucida Sans Unicode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427225" y="2502179"/>
            <a:ext cx="5665470" cy="1189990"/>
          </a:xfrm>
          <a:prstGeom prst="rect">
            <a:avLst/>
          </a:prstGeom>
        </p:spPr>
        <p:txBody>
          <a:bodyPr vert="horz" wrap="square" lIns="0" tIns="111760" rIns="0" bIns="0" rtlCol="0">
            <a:spAutoFit/>
          </a:bodyPr>
          <a:lstStyle/>
          <a:p>
            <a:pPr marL="927100" indent="-358140">
              <a:lnSpc>
                <a:spcPct val="100000"/>
              </a:lnSpc>
              <a:spcBef>
                <a:spcPts val="880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926465" algn="l"/>
                <a:tab pos="927100" algn="l"/>
              </a:tabLst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endParaRPr sz="1900">
              <a:latin typeface="Times New Roman"/>
              <a:cs typeface="Times New Roman"/>
            </a:endParaRPr>
          </a:p>
          <a:p>
            <a:pPr marL="911860" indent="-342900">
              <a:lnSpc>
                <a:spcPct val="100000"/>
              </a:lnSpc>
              <a:spcBef>
                <a:spcPts val="780"/>
              </a:spcBef>
              <a:buClr>
                <a:srgbClr val="B83C68"/>
              </a:buClr>
              <a:buSzPct val="78947"/>
              <a:buFont typeface="Wingdings"/>
              <a:buChar char=""/>
              <a:tabLst>
                <a:tab pos="911225" algn="l"/>
                <a:tab pos="911860" algn="l"/>
              </a:tabLst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ithmetic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what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iscussed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Instruction</a:t>
            </a:r>
            <a:r>
              <a:rPr sz="1900" spc="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pipeline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/>
          <p:nvPr/>
        </p:nvSpPr>
        <p:spPr>
          <a:xfrm>
            <a:off x="1427225" y="4927853"/>
            <a:ext cx="9172575" cy="173863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ts val="2165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9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Arithmetic</a:t>
            </a:r>
            <a:r>
              <a:rPr sz="1900" spc="16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pipeline</a:t>
            </a:r>
            <a:r>
              <a:rPr sz="1900" spc="16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divides</a:t>
            </a:r>
            <a:r>
              <a:rPr sz="1900" spc="1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19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ithmetic</a:t>
            </a:r>
            <a:r>
              <a:rPr sz="19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19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to</a:t>
            </a:r>
            <a:r>
              <a:rPr sz="19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ub-operations</a:t>
            </a:r>
            <a:r>
              <a:rPr sz="19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9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endParaRPr sz="1900">
              <a:latin typeface="Times New Roman"/>
              <a:cs typeface="Times New Roman"/>
            </a:endParaRPr>
          </a:p>
          <a:p>
            <a:pPr marL="355600">
              <a:lnSpc>
                <a:spcPts val="2165"/>
              </a:lnSpc>
            </a:pP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pipeline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segment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8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d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ithmetic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s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e usually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found</a:t>
            </a:r>
            <a:r>
              <a:rPr sz="19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9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very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high</a:t>
            </a:r>
            <a:r>
              <a:rPr sz="19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speed</a:t>
            </a:r>
            <a:r>
              <a:rPr sz="1900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special</a:t>
            </a:r>
            <a:r>
              <a:rPr sz="19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C00000"/>
                </a:solidFill>
                <a:latin typeface="Times New Roman"/>
                <a:cs typeface="Times New Roman"/>
              </a:rPr>
              <a:t>purpose</a:t>
            </a:r>
            <a:r>
              <a:rPr sz="1900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s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70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ly they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olve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scientific,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roblems</a:t>
            </a:r>
            <a:r>
              <a:rPr sz="19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endParaRPr sz="19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65"/>
              </a:spcBef>
              <a:tabLst>
                <a:tab pos="354965" algn="l"/>
              </a:tabLst>
            </a:pPr>
            <a:r>
              <a:rPr sz="150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rray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multiplier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19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0" dirty="0">
                <a:solidFill>
                  <a:srgbClr val="404040"/>
                </a:solidFill>
                <a:latin typeface="Times New Roman"/>
                <a:cs typeface="Times New Roman"/>
              </a:rPr>
              <a:t>example</a:t>
            </a:r>
            <a:r>
              <a:rPr sz="19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9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d</a:t>
            </a:r>
            <a:r>
              <a:rPr sz="19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900" spc="-15" dirty="0">
                <a:solidFill>
                  <a:srgbClr val="404040"/>
                </a:solidFill>
                <a:latin typeface="Times New Roman"/>
                <a:cs typeface="Times New Roman"/>
              </a:rPr>
              <a:t>multiplier.</a:t>
            </a:r>
            <a:endParaRPr sz="19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4569714" y="3834510"/>
            <a:ext cx="59690" cy="208279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200" spc="-5" dirty="0">
                <a:latin typeface="Arial MT"/>
                <a:cs typeface="Arial MT"/>
              </a:rPr>
              <a:t>i</a:t>
            </a:r>
            <a:endParaRPr sz="1200">
              <a:latin typeface="Arial MT"/>
              <a:cs typeface="Arial MT"/>
            </a:endParaRPr>
          </a:p>
        </p:txBody>
      </p:sp>
      <p:graphicFrame>
        <p:nvGraphicFramePr>
          <p:cNvPr id="6" name="object 6"/>
          <p:cNvGraphicFramePr>
            <a:graphicFrameLocks noGrp="1"/>
          </p:cNvGraphicFramePr>
          <p:nvPr/>
        </p:nvGraphicFramePr>
        <p:xfrm>
          <a:off x="4828286" y="3775202"/>
          <a:ext cx="3380740" cy="1112518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566420"/>
                <a:gridCol w="546735"/>
                <a:gridCol w="581025"/>
                <a:gridCol w="554990"/>
                <a:gridCol w="546735"/>
                <a:gridCol w="584835"/>
              </a:tblGrid>
              <a:tr h="326136">
                <a:tc>
                  <a:txBody>
                    <a:bodyPr/>
                    <a:lstStyle/>
                    <a:p>
                      <a:pPr marR="279400" algn="r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699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3185">
                        <a:lnSpc>
                          <a:spcPct val="100000"/>
                        </a:lnSpc>
                        <a:spcBef>
                          <a:spcPts val="590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74930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R="269875" algn="r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699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64769">
                        <a:lnSpc>
                          <a:spcPct val="100000"/>
                        </a:lnSpc>
                        <a:spcBef>
                          <a:spcPts val="68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699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 rowSpan="2" gridSpan="2"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28575">
                      <a:solidFill>
                        <a:srgbClr val="000000"/>
                      </a:solidFill>
                      <a:prstDash val="solid"/>
                    </a:lnL>
                  </a:tcPr>
                </a:tc>
                <a:tc rowSpan="2"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</a:tr>
              <a:tr h="65531">
                <a:tc gridSpan="2"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2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T w="28575">
                      <a:solidFill>
                        <a:srgbClr val="000000"/>
                      </a:solidFill>
                      <a:prstDash val="solid"/>
                    </a:lnT>
                  </a:tcPr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2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2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 gridSpan="2" v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>
                    <a:lnL w="28575">
                      <a:solidFill>
                        <a:srgbClr val="000000"/>
                      </a:solidFill>
                      <a:prstDash val="solid"/>
                    </a:lnL>
                  </a:tcPr>
                </a:tc>
                <a:tc hMerge="1" v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</a:tr>
              <a:tr h="321563">
                <a:tc>
                  <a:txBody>
                    <a:bodyPr/>
                    <a:lstStyle/>
                    <a:p>
                      <a:pPr marR="262255" algn="r">
                        <a:lnSpc>
                          <a:spcPct val="100000"/>
                        </a:lnSpc>
                        <a:spcBef>
                          <a:spcPts val="545"/>
                        </a:spcBef>
                      </a:pPr>
                      <a:r>
                        <a:rPr sz="1200" spc="-5" dirty="0">
                          <a:latin typeface="Arial MT"/>
                          <a:cs typeface="Arial MT"/>
                        </a:rPr>
                        <a:t>i+1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9215" marB="0">
                    <a:lnR w="28575">
                      <a:solidFill>
                        <a:srgbClr val="000000"/>
                      </a:solidFill>
                      <a:prstDash val="solid"/>
                    </a:lnR>
                  </a:tcPr>
                </a:tc>
                <a:tc>
                  <a:txBody>
                    <a:bodyPr/>
                    <a:lstStyle/>
                    <a:p>
                      <a:pPr marL="127000">
                        <a:lnSpc>
                          <a:spcPct val="100000"/>
                        </a:lnSpc>
                        <a:spcBef>
                          <a:spcPts val="63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064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R="288290" algn="r">
                        <a:lnSpc>
                          <a:spcPct val="100000"/>
                        </a:lnSpc>
                        <a:spcBef>
                          <a:spcPts val="63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064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6995">
                        <a:lnSpc>
                          <a:spcPct val="100000"/>
                        </a:lnSpc>
                        <a:spcBef>
                          <a:spcPts val="63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064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9535">
                        <a:lnSpc>
                          <a:spcPct val="100000"/>
                        </a:lnSpc>
                        <a:spcBef>
                          <a:spcPts val="63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8064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 rowSpan="2"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18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L w="28575">
                      <a:solidFill>
                        <a:srgbClr val="000000"/>
                      </a:solidFill>
                      <a:prstDash val="solid"/>
                    </a:lnL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70104">
                <a:tc gridSpan="5"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sz="300">
                        <a:latin typeface="Times New Roman"/>
                        <a:cs typeface="Times New Roman"/>
                      </a:endParaRPr>
                    </a:p>
                  </a:txBody>
                  <a:tcPr marL="0" marR="0" marT="0" marB="0">
                    <a:lnR w="28575">
                      <a:solidFill>
                        <a:srgbClr val="000000"/>
                      </a:solidFill>
                      <a:prstDash val="solid"/>
                    </a:lnR>
                  </a:tcPr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 v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>
                    <a:lnL w="28575">
                      <a:solidFill>
                        <a:srgbClr val="000000"/>
                      </a:solidFill>
                      <a:prstDash val="solid"/>
                    </a:lnL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  <a:tr h="329184">
                <a:tc gridSpan="2">
                  <a:txBody>
                    <a:bodyPr/>
                    <a:lstStyle/>
                    <a:p>
                      <a:pPr marL="647065">
                        <a:lnSpc>
                          <a:spcPct val="100000"/>
                        </a:lnSpc>
                        <a:spcBef>
                          <a:spcPts val="480"/>
                        </a:spcBef>
                      </a:pPr>
                      <a:r>
                        <a:rPr sz="1200" spc="-5" dirty="0">
                          <a:latin typeface="Arial MT"/>
                          <a:cs typeface="Arial MT"/>
                        </a:rPr>
                        <a:t>i+2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0960" marB="0">
                    <a:lnR w="28575">
                      <a:solidFill>
                        <a:srgbClr val="000000"/>
                      </a:solidFill>
                      <a:prstDash val="solid"/>
                    </a:lnR>
                  </a:tcPr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0" marR="0" marT="0" marB="0"/>
                </a:tc>
                <a:tc>
                  <a:txBody>
                    <a:bodyPr/>
                    <a:lstStyle/>
                    <a:p>
                      <a:pPr marR="283210" algn="r">
                        <a:lnSpc>
                          <a:spcPct val="100000"/>
                        </a:lnSpc>
                        <a:spcBef>
                          <a:spcPts val="620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78740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6995">
                        <a:lnSpc>
                          <a:spcPct val="100000"/>
                        </a:lnSpc>
                        <a:spcBef>
                          <a:spcPts val="52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ID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6667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87630">
                        <a:lnSpc>
                          <a:spcPct val="100000"/>
                        </a:lnSpc>
                        <a:spcBef>
                          <a:spcPts val="620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OF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78740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  <a:tc>
                  <a:txBody>
                    <a:bodyPr/>
                    <a:lstStyle/>
                    <a:p>
                      <a:pPr marL="92075">
                        <a:lnSpc>
                          <a:spcPct val="100000"/>
                        </a:lnSpc>
                        <a:spcBef>
                          <a:spcPts val="605"/>
                        </a:spcBef>
                      </a:pPr>
                      <a:r>
                        <a:rPr sz="1200" dirty="0">
                          <a:latin typeface="Arial MT"/>
                          <a:cs typeface="Arial MT"/>
                        </a:rPr>
                        <a:t>EX</a:t>
                      </a:r>
                      <a:endParaRPr sz="1200">
                        <a:latin typeface="Arial MT"/>
                        <a:cs typeface="Arial MT"/>
                      </a:endParaRPr>
                    </a:p>
                  </a:txBody>
                  <a:tcPr marL="0" marR="0" marT="76835" marB="0">
                    <a:lnL w="28575">
                      <a:solidFill>
                        <a:srgbClr val="000000"/>
                      </a:solidFill>
                      <a:prstDash val="solid"/>
                    </a:lnL>
                    <a:lnR w="28575">
                      <a:solidFill>
                        <a:srgbClr val="000000"/>
                      </a:solidFill>
                      <a:prstDash val="solid"/>
                    </a:lnR>
                    <a:lnT w="28575">
                      <a:solidFill>
                        <a:srgbClr val="000000"/>
                      </a:solidFill>
                      <a:prstDash val="solid"/>
                    </a:lnT>
                    <a:lnB w="28575">
                      <a:solidFill>
                        <a:srgbClr val="000000"/>
                      </a:solidFill>
                      <a:prstDash val="solid"/>
                    </a:lnB>
                  </a:tcPr>
                </a:tc>
              </a:tr>
            </a:tbl>
          </a:graphicData>
        </a:graphic>
      </p:graphicFrame>
    </p:spTree>
  </p:cSld>
  <p:clrMapOvr>
    <a:masterClrMapping/>
  </p:clrMapOvr>
</p:sld>
</file>

<file path=ppt/slides/slide7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94122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70" dirty="0">
                <a:latin typeface="Verdana"/>
                <a:cs typeface="Verdana"/>
              </a:rPr>
              <a:t>Exampl</a:t>
            </a:r>
            <a:r>
              <a:rPr sz="3600" spc="-65" dirty="0">
                <a:latin typeface="Verdana"/>
                <a:cs typeface="Verdana"/>
              </a:rPr>
              <a:t>e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155" dirty="0">
                <a:latin typeface="Verdana"/>
                <a:cs typeface="Verdana"/>
              </a:rPr>
              <a:t>o</a:t>
            </a:r>
            <a:r>
              <a:rPr sz="3600" spc="-140" dirty="0">
                <a:latin typeface="Verdana"/>
                <a:cs typeface="Verdana"/>
              </a:rPr>
              <a:t>f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75" dirty="0">
                <a:latin typeface="Verdana"/>
                <a:cs typeface="Verdana"/>
              </a:rPr>
              <a:t>Arithmetic</a:t>
            </a:r>
            <a:r>
              <a:rPr sz="3600" spc="-245" dirty="0">
                <a:latin typeface="Verdana"/>
                <a:cs typeface="Verdana"/>
              </a:rPr>
              <a:t> </a:t>
            </a:r>
            <a:r>
              <a:rPr sz="3600" spc="-45" dirty="0">
                <a:latin typeface="Verdana"/>
                <a:cs typeface="Verdana"/>
              </a:rPr>
              <a:t>Pipelin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/>
          <p:nvPr/>
        </p:nvSpPr>
        <p:spPr>
          <a:xfrm>
            <a:off x="2251710" y="3182873"/>
            <a:ext cx="5349240" cy="2481580"/>
          </a:xfrm>
          <a:custGeom>
            <a:avLst/>
            <a:gdLst/>
            <a:ahLst/>
            <a:cxnLst/>
            <a:rect l="l" t="t" r="r" b="b"/>
            <a:pathLst>
              <a:path w="5349240" h="2481579">
                <a:moveTo>
                  <a:pt x="0" y="63246"/>
                </a:moveTo>
                <a:lnTo>
                  <a:pt x="4970" y="38629"/>
                </a:lnTo>
                <a:lnTo>
                  <a:pt x="18526" y="18526"/>
                </a:lnTo>
                <a:lnTo>
                  <a:pt x="38629" y="4970"/>
                </a:lnTo>
                <a:lnTo>
                  <a:pt x="63245" y="0"/>
                </a:lnTo>
                <a:lnTo>
                  <a:pt x="1341881" y="0"/>
                </a:lnTo>
                <a:lnTo>
                  <a:pt x="1366498" y="4970"/>
                </a:lnTo>
                <a:lnTo>
                  <a:pt x="1386601" y="18526"/>
                </a:lnTo>
                <a:lnTo>
                  <a:pt x="1400157" y="38629"/>
                </a:lnTo>
                <a:lnTo>
                  <a:pt x="1405127" y="63246"/>
                </a:lnTo>
                <a:lnTo>
                  <a:pt x="1405127" y="316229"/>
                </a:lnTo>
                <a:lnTo>
                  <a:pt x="1400157" y="340846"/>
                </a:lnTo>
                <a:lnTo>
                  <a:pt x="1386601" y="360949"/>
                </a:lnTo>
                <a:lnTo>
                  <a:pt x="1366498" y="374505"/>
                </a:lnTo>
                <a:lnTo>
                  <a:pt x="1341881" y="379475"/>
                </a:lnTo>
                <a:lnTo>
                  <a:pt x="63245" y="379475"/>
                </a:lnTo>
                <a:lnTo>
                  <a:pt x="38629" y="374505"/>
                </a:lnTo>
                <a:lnTo>
                  <a:pt x="18526" y="360949"/>
                </a:lnTo>
                <a:lnTo>
                  <a:pt x="4970" y="340846"/>
                </a:lnTo>
                <a:lnTo>
                  <a:pt x="0" y="316229"/>
                </a:lnTo>
                <a:lnTo>
                  <a:pt x="0" y="63246"/>
                </a:lnTo>
                <a:close/>
              </a:path>
              <a:path w="5349240" h="2481579">
                <a:moveTo>
                  <a:pt x="702563" y="765809"/>
                </a:moveTo>
                <a:lnTo>
                  <a:pt x="707534" y="741193"/>
                </a:lnTo>
                <a:lnTo>
                  <a:pt x="721090" y="721090"/>
                </a:lnTo>
                <a:lnTo>
                  <a:pt x="741193" y="707534"/>
                </a:lnTo>
                <a:lnTo>
                  <a:pt x="765809" y="702563"/>
                </a:lnTo>
                <a:lnTo>
                  <a:pt x="2804922" y="702563"/>
                </a:lnTo>
                <a:lnTo>
                  <a:pt x="2829538" y="707534"/>
                </a:lnTo>
                <a:lnTo>
                  <a:pt x="2849641" y="721090"/>
                </a:lnTo>
                <a:lnTo>
                  <a:pt x="2863197" y="741193"/>
                </a:lnTo>
                <a:lnTo>
                  <a:pt x="2868167" y="765809"/>
                </a:lnTo>
                <a:lnTo>
                  <a:pt x="2868167" y="1018794"/>
                </a:lnTo>
                <a:lnTo>
                  <a:pt x="2863197" y="1043410"/>
                </a:lnTo>
                <a:lnTo>
                  <a:pt x="2849641" y="1063513"/>
                </a:lnTo>
                <a:lnTo>
                  <a:pt x="2829538" y="1077069"/>
                </a:lnTo>
                <a:lnTo>
                  <a:pt x="2804922" y="1082039"/>
                </a:lnTo>
                <a:lnTo>
                  <a:pt x="765809" y="1082039"/>
                </a:lnTo>
                <a:lnTo>
                  <a:pt x="741193" y="1077069"/>
                </a:lnTo>
                <a:lnTo>
                  <a:pt x="721090" y="1063513"/>
                </a:lnTo>
                <a:lnTo>
                  <a:pt x="707534" y="1043410"/>
                </a:lnTo>
                <a:lnTo>
                  <a:pt x="702563" y="1018794"/>
                </a:lnTo>
                <a:lnTo>
                  <a:pt x="702563" y="765809"/>
                </a:lnTo>
                <a:close/>
              </a:path>
              <a:path w="5349240" h="2481579">
                <a:moveTo>
                  <a:pt x="3944112" y="1468374"/>
                </a:moveTo>
                <a:lnTo>
                  <a:pt x="3949082" y="1443757"/>
                </a:lnTo>
                <a:lnTo>
                  <a:pt x="3962638" y="1423654"/>
                </a:lnTo>
                <a:lnTo>
                  <a:pt x="3982741" y="1410098"/>
                </a:lnTo>
                <a:lnTo>
                  <a:pt x="4007357" y="1405127"/>
                </a:lnTo>
                <a:lnTo>
                  <a:pt x="5285994" y="1405127"/>
                </a:lnTo>
                <a:lnTo>
                  <a:pt x="5310610" y="1410098"/>
                </a:lnTo>
                <a:lnTo>
                  <a:pt x="5330713" y="1423654"/>
                </a:lnTo>
                <a:lnTo>
                  <a:pt x="5344269" y="1443757"/>
                </a:lnTo>
                <a:lnTo>
                  <a:pt x="5349240" y="1468374"/>
                </a:lnTo>
                <a:lnTo>
                  <a:pt x="5349240" y="1721358"/>
                </a:lnTo>
                <a:lnTo>
                  <a:pt x="5344269" y="1745974"/>
                </a:lnTo>
                <a:lnTo>
                  <a:pt x="5330713" y="1766077"/>
                </a:lnTo>
                <a:lnTo>
                  <a:pt x="5310610" y="1779633"/>
                </a:lnTo>
                <a:lnTo>
                  <a:pt x="5285994" y="1784603"/>
                </a:lnTo>
                <a:lnTo>
                  <a:pt x="4007357" y="1784603"/>
                </a:lnTo>
                <a:lnTo>
                  <a:pt x="3982741" y="1779633"/>
                </a:lnTo>
                <a:lnTo>
                  <a:pt x="3962638" y="1766077"/>
                </a:lnTo>
                <a:lnTo>
                  <a:pt x="3949082" y="1745974"/>
                </a:lnTo>
                <a:lnTo>
                  <a:pt x="3944112" y="1721358"/>
                </a:lnTo>
                <a:lnTo>
                  <a:pt x="3944112" y="1468374"/>
                </a:lnTo>
                <a:close/>
              </a:path>
              <a:path w="5349240" h="2481579">
                <a:moveTo>
                  <a:pt x="1114043" y="1468374"/>
                </a:moveTo>
                <a:lnTo>
                  <a:pt x="1119014" y="1443757"/>
                </a:lnTo>
                <a:lnTo>
                  <a:pt x="1132570" y="1423654"/>
                </a:lnTo>
                <a:lnTo>
                  <a:pt x="1152673" y="1410098"/>
                </a:lnTo>
                <a:lnTo>
                  <a:pt x="1177289" y="1405127"/>
                </a:lnTo>
                <a:lnTo>
                  <a:pt x="2455926" y="1405127"/>
                </a:lnTo>
                <a:lnTo>
                  <a:pt x="2480542" y="1410098"/>
                </a:lnTo>
                <a:lnTo>
                  <a:pt x="2500645" y="1423654"/>
                </a:lnTo>
                <a:lnTo>
                  <a:pt x="2514201" y="1443757"/>
                </a:lnTo>
                <a:lnTo>
                  <a:pt x="2519172" y="1468374"/>
                </a:lnTo>
                <a:lnTo>
                  <a:pt x="2519172" y="1721358"/>
                </a:lnTo>
                <a:lnTo>
                  <a:pt x="2514201" y="1745974"/>
                </a:lnTo>
                <a:lnTo>
                  <a:pt x="2500645" y="1766077"/>
                </a:lnTo>
                <a:lnTo>
                  <a:pt x="2480542" y="1779633"/>
                </a:lnTo>
                <a:lnTo>
                  <a:pt x="2455926" y="1784603"/>
                </a:lnTo>
                <a:lnTo>
                  <a:pt x="1177289" y="1784603"/>
                </a:lnTo>
                <a:lnTo>
                  <a:pt x="1152673" y="1779633"/>
                </a:lnTo>
                <a:lnTo>
                  <a:pt x="1132570" y="1766077"/>
                </a:lnTo>
                <a:lnTo>
                  <a:pt x="1119014" y="1745974"/>
                </a:lnTo>
                <a:lnTo>
                  <a:pt x="1114043" y="1721358"/>
                </a:lnTo>
                <a:lnTo>
                  <a:pt x="1114043" y="1468374"/>
                </a:lnTo>
                <a:close/>
              </a:path>
              <a:path w="5349240" h="2481579">
                <a:moveTo>
                  <a:pt x="1786127" y="2164841"/>
                </a:moveTo>
                <a:lnTo>
                  <a:pt x="1791098" y="2140225"/>
                </a:lnTo>
                <a:lnTo>
                  <a:pt x="1804654" y="2120122"/>
                </a:lnTo>
                <a:lnTo>
                  <a:pt x="1824757" y="2106566"/>
                </a:lnTo>
                <a:lnTo>
                  <a:pt x="1849374" y="2101596"/>
                </a:lnTo>
                <a:lnTo>
                  <a:pt x="4533138" y="2101596"/>
                </a:lnTo>
                <a:lnTo>
                  <a:pt x="4557754" y="2106566"/>
                </a:lnTo>
                <a:lnTo>
                  <a:pt x="4577857" y="2120122"/>
                </a:lnTo>
                <a:lnTo>
                  <a:pt x="4591413" y="2140225"/>
                </a:lnTo>
                <a:lnTo>
                  <a:pt x="4596384" y="2164841"/>
                </a:lnTo>
                <a:lnTo>
                  <a:pt x="4596384" y="2417826"/>
                </a:lnTo>
                <a:lnTo>
                  <a:pt x="4591413" y="2442442"/>
                </a:lnTo>
                <a:lnTo>
                  <a:pt x="4577857" y="2462545"/>
                </a:lnTo>
                <a:lnTo>
                  <a:pt x="4557754" y="2476101"/>
                </a:lnTo>
                <a:lnTo>
                  <a:pt x="4533138" y="2481072"/>
                </a:lnTo>
                <a:lnTo>
                  <a:pt x="1849374" y="2481072"/>
                </a:lnTo>
                <a:lnTo>
                  <a:pt x="1824757" y="2476101"/>
                </a:lnTo>
                <a:lnTo>
                  <a:pt x="1804654" y="2462545"/>
                </a:lnTo>
                <a:lnTo>
                  <a:pt x="1791098" y="2442442"/>
                </a:lnTo>
                <a:lnTo>
                  <a:pt x="1786127" y="2417826"/>
                </a:lnTo>
                <a:lnTo>
                  <a:pt x="1786127" y="2164841"/>
                </a:lnTo>
                <a:close/>
              </a:path>
              <a:path w="5349240" h="2481579">
                <a:moveTo>
                  <a:pt x="2279904" y="63246"/>
                </a:moveTo>
                <a:lnTo>
                  <a:pt x="2284874" y="38629"/>
                </a:lnTo>
                <a:lnTo>
                  <a:pt x="2298430" y="18526"/>
                </a:lnTo>
                <a:lnTo>
                  <a:pt x="2318533" y="4970"/>
                </a:lnTo>
                <a:lnTo>
                  <a:pt x="2343150" y="0"/>
                </a:lnTo>
                <a:lnTo>
                  <a:pt x="3621786" y="0"/>
                </a:lnTo>
                <a:lnTo>
                  <a:pt x="3646402" y="4970"/>
                </a:lnTo>
                <a:lnTo>
                  <a:pt x="3666505" y="18526"/>
                </a:lnTo>
                <a:lnTo>
                  <a:pt x="3680061" y="38629"/>
                </a:lnTo>
                <a:lnTo>
                  <a:pt x="3685031" y="63246"/>
                </a:lnTo>
                <a:lnTo>
                  <a:pt x="3685031" y="316229"/>
                </a:lnTo>
                <a:lnTo>
                  <a:pt x="3680061" y="340846"/>
                </a:lnTo>
                <a:lnTo>
                  <a:pt x="3666505" y="360949"/>
                </a:lnTo>
                <a:lnTo>
                  <a:pt x="3646402" y="374505"/>
                </a:lnTo>
                <a:lnTo>
                  <a:pt x="3621786" y="379475"/>
                </a:lnTo>
                <a:lnTo>
                  <a:pt x="2343150" y="379475"/>
                </a:lnTo>
                <a:lnTo>
                  <a:pt x="2318533" y="374505"/>
                </a:lnTo>
                <a:lnTo>
                  <a:pt x="2298430" y="360949"/>
                </a:lnTo>
                <a:lnTo>
                  <a:pt x="2284874" y="340846"/>
                </a:lnTo>
                <a:lnTo>
                  <a:pt x="2279904" y="316229"/>
                </a:lnTo>
                <a:lnTo>
                  <a:pt x="2279904" y="63246"/>
                </a:lnTo>
                <a:close/>
              </a:path>
            </a:pathLst>
          </a:custGeom>
          <a:ln w="38100">
            <a:solidFill>
              <a:srgbClr val="852A49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4" name="object 4"/>
          <p:cNvSpPr txBox="1"/>
          <p:nvPr/>
        </p:nvSpPr>
        <p:spPr>
          <a:xfrm>
            <a:off x="6718172" y="4614748"/>
            <a:ext cx="27305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R3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5" name="object 5"/>
          <p:cNvSpPr txBox="1"/>
          <p:nvPr/>
        </p:nvSpPr>
        <p:spPr>
          <a:xfrm>
            <a:off x="3888485" y="4648580"/>
            <a:ext cx="27305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R4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6" name="object 6"/>
          <p:cNvSpPr txBox="1"/>
          <p:nvPr/>
        </p:nvSpPr>
        <p:spPr>
          <a:xfrm>
            <a:off x="5053329" y="3243833"/>
            <a:ext cx="27305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R2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7" name="object 7"/>
          <p:cNvSpPr txBox="1"/>
          <p:nvPr/>
        </p:nvSpPr>
        <p:spPr>
          <a:xfrm>
            <a:off x="2774442" y="3219957"/>
            <a:ext cx="27305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R1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8" name="object 8"/>
          <p:cNvSpPr txBox="1"/>
          <p:nvPr/>
        </p:nvSpPr>
        <p:spPr>
          <a:xfrm>
            <a:off x="3532123" y="3935348"/>
            <a:ext cx="915669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5" dirty="0">
                <a:latin typeface="Times New Roman"/>
                <a:cs typeface="Times New Roman"/>
              </a:rPr>
              <a:t>Multiplier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9" name="object 9"/>
          <p:cNvSpPr txBox="1"/>
          <p:nvPr/>
        </p:nvSpPr>
        <p:spPr>
          <a:xfrm>
            <a:off x="5091429" y="5345938"/>
            <a:ext cx="577215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Adder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10" name="object 10"/>
          <p:cNvSpPr txBox="1"/>
          <p:nvPr/>
        </p:nvSpPr>
        <p:spPr>
          <a:xfrm>
            <a:off x="1233932" y="2306192"/>
            <a:ext cx="7586980" cy="76835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ppos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an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Ai</a:t>
            </a:r>
            <a:r>
              <a:rPr sz="2200" i="1" spc="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×</a:t>
            </a:r>
            <a:r>
              <a:rPr sz="2200" i="1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Bi</a:t>
            </a:r>
            <a:r>
              <a:rPr sz="2200" i="1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+</a:t>
            </a:r>
            <a:r>
              <a:rPr sz="2200" i="1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Ci</a:t>
            </a:r>
            <a:r>
              <a:rPr sz="2200" i="1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i</a:t>
            </a:r>
            <a:r>
              <a:rPr sz="2200" i="1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=</a:t>
            </a:r>
            <a:r>
              <a:rPr sz="2200" i="1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1,</a:t>
            </a:r>
            <a:r>
              <a:rPr sz="2200" i="1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2,</a:t>
            </a:r>
            <a:r>
              <a:rPr sz="2200" i="1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3,</a:t>
            </a:r>
            <a:r>
              <a:rPr sz="2200" i="1" spc="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…,</a:t>
            </a:r>
            <a:r>
              <a:rPr sz="2200" i="1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200" i="1" spc="-5" dirty="0">
                <a:solidFill>
                  <a:srgbClr val="C00000"/>
                </a:solidFill>
                <a:latin typeface="Times New Roman"/>
                <a:cs typeface="Times New Roman"/>
              </a:rPr>
              <a:t>n</a:t>
            </a:r>
            <a:endParaRPr sz="2200">
              <a:latin typeface="Times New Roman"/>
              <a:cs typeface="Times New Roman"/>
            </a:endParaRPr>
          </a:p>
          <a:p>
            <a:pPr marR="257810" algn="ctr">
              <a:lnSpc>
                <a:spcPct val="100000"/>
              </a:lnSpc>
              <a:spcBef>
                <a:spcPts val="1290"/>
              </a:spcBef>
              <a:tabLst>
                <a:tab pos="1908810" algn="l"/>
                <a:tab pos="3579495" algn="l"/>
              </a:tabLst>
            </a:pPr>
            <a:r>
              <a:rPr sz="2400" b="1" i="1" spc="-7" baseline="5208" dirty="0">
                <a:latin typeface="Times New Roman"/>
                <a:cs typeface="Times New Roman"/>
              </a:rPr>
              <a:t>Ai	</a:t>
            </a:r>
            <a:r>
              <a:rPr sz="2400" b="1" i="1" spc="-7" baseline="1736" dirty="0">
                <a:latin typeface="Times New Roman"/>
                <a:cs typeface="Times New Roman"/>
              </a:rPr>
              <a:t>Bi	</a:t>
            </a:r>
            <a:r>
              <a:rPr sz="1600" b="1" i="1" spc="-5" dirty="0">
                <a:latin typeface="Times New Roman"/>
                <a:cs typeface="Times New Roman"/>
              </a:rPr>
              <a:t>Ci</a:t>
            </a:r>
            <a:endParaRPr sz="1600">
              <a:latin typeface="Times New Roman"/>
              <a:cs typeface="Times New Roman"/>
            </a:endParaRPr>
          </a:p>
        </p:txBody>
      </p:sp>
      <p:grpSp>
        <p:nvGrpSpPr>
          <p:cNvPr id="11" name="object 11"/>
          <p:cNvGrpSpPr/>
          <p:nvPr/>
        </p:nvGrpSpPr>
        <p:grpSpPr>
          <a:xfrm>
            <a:off x="2872739" y="2840735"/>
            <a:ext cx="4107179" cy="3540760"/>
            <a:chOff x="2872739" y="2840735"/>
            <a:chExt cx="4107179" cy="3540760"/>
          </a:xfrm>
        </p:grpSpPr>
        <p:sp>
          <p:nvSpPr>
            <p:cNvPr id="12" name="object 12"/>
            <p:cNvSpPr/>
            <p:nvPr/>
          </p:nvSpPr>
          <p:spPr>
            <a:xfrm>
              <a:off x="2872740" y="2840735"/>
              <a:ext cx="4107179" cy="3146425"/>
            </a:xfrm>
            <a:custGeom>
              <a:avLst/>
              <a:gdLst/>
              <a:ahLst/>
              <a:cxnLst/>
              <a:rect l="l" t="t" r="r" b="b"/>
              <a:pathLst>
                <a:path w="4107179" h="3146425">
                  <a:moveTo>
                    <a:pt x="114300" y="227838"/>
                  </a:moveTo>
                  <a:lnTo>
                    <a:pt x="76200" y="227838"/>
                  </a:lnTo>
                  <a:lnTo>
                    <a:pt x="76200" y="19050"/>
                  </a:lnTo>
                  <a:lnTo>
                    <a:pt x="74701" y="11633"/>
                  </a:lnTo>
                  <a:lnTo>
                    <a:pt x="70624" y="5575"/>
                  </a:lnTo>
                  <a:lnTo>
                    <a:pt x="64566" y="1498"/>
                  </a:lnTo>
                  <a:lnTo>
                    <a:pt x="57150" y="0"/>
                  </a:lnTo>
                  <a:lnTo>
                    <a:pt x="49720" y="1498"/>
                  </a:lnTo>
                  <a:lnTo>
                    <a:pt x="43662" y="5575"/>
                  </a:lnTo>
                  <a:lnTo>
                    <a:pt x="39585" y="11633"/>
                  </a:lnTo>
                  <a:lnTo>
                    <a:pt x="38100" y="19050"/>
                  </a:lnTo>
                  <a:lnTo>
                    <a:pt x="38100" y="227838"/>
                  </a:lnTo>
                  <a:lnTo>
                    <a:pt x="0" y="227838"/>
                  </a:lnTo>
                  <a:lnTo>
                    <a:pt x="57150" y="342138"/>
                  </a:lnTo>
                  <a:lnTo>
                    <a:pt x="95250" y="265938"/>
                  </a:lnTo>
                  <a:lnTo>
                    <a:pt x="114300" y="227838"/>
                  </a:lnTo>
                  <a:close/>
                </a:path>
                <a:path w="4107179" h="3146425">
                  <a:moveTo>
                    <a:pt x="550164" y="930402"/>
                  </a:moveTo>
                  <a:lnTo>
                    <a:pt x="512064" y="930402"/>
                  </a:lnTo>
                  <a:lnTo>
                    <a:pt x="512064" y="721614"/>
                  </a:lnTo>
                  <a:lnTo>
                    <a:pt x="510565" y="714197"/>
                  </a:lnTo>
                  <a:lnTo>
                    <a:pt x="506488" y="708139"/>
                  </a:lnTo>
                  <a:lnTo>
                    <a:pt x="500430" y="704062"/>
                  </a:lnTo>
                  <a:lnTo>
                    <a:pt x="493014" y="702564"/>
                  </a:lnTo>
                  <a:lnTo>
                    <a:pt x="485584" y="704062"/>
                  </a:lnTo>
                  <a:lnTo>
                    <a:pt x="479526" y="708139"/>
                  </a:lnTo>
                  <a:lnTo>
                    <a:pt x="475449" y="714197"/>
                  </a:lnTo>
                  <a:lnTo>
                    <a:pt x="473964" y="721614"/>
                  </a:lnTo>
                  <a:lnTo>
                    <a:pt x="473964" y="930402"/>
                  </a:lnTo>
                  <a:lnTo>
                    <a:pt x="435851" y="930402"/>
                  </a:lnTo>
                  <a:lnTo>
                    <a:pt x="493014" y="1044702"/>
                  </a:lnTo>
                  <a:lnTo>
                    <a:pt x="531114" y="968502"/>
                  </a:lnTo>
                  <a:lnTo>
                    <a:pt x="550164" y="930402"/>
                  </a:lnTo>
                  <a:close/>
                </a:path>
                <a:path w="4107179" h="3146425">
                  <a:moveTo>
                    <a:pt x="1252728" y="1632966"/>
                  </a:moveTo>
                  <a:lnTo>
                    <a:pt x="1214628" y="1632966"/>
                  </a:lnTo>
                  <a:lnTo>
                    <a:pt x="1214628" y="1424178"/>
                  </a:lnTo>
                  <a:lnTo>
                    <a:pt x="1213129" y="1416761"/>
                  </a:lnTo>
                  <a:lnTo>
                    <a:pt x="1209052" y="1410703"/>
                  </a:lnTo>
                  <a:lnTo>
                    <a:pt x="1202994" y="1406626"/>
                  </a:lnTo>
                  <a:lnTo>
                    <a:pt x="1195578" y="1405128"/>
                  </a:lnTo>
                  <a:lnTo>
                    <a:pt x="1188148" y="1406626"/>
                  </a:lnTo>
                  <a:lnTo>
                    <a:pt x="1182090" y="1410703"/>
                  </a:lnTo>
                  <a:lnTo>
                    <a:pt x="1178013" y="1416761"/>
                  </a:lnTo>
                  <a:lnTo>
                    <a:pt x="1176528" y="1424178"/>
                  </a:lnTo>
                  <a:lnTo>
                    <a:pt x="1176528" y="1632966"/>
                  </a:lnTo>
                  <a:lnTo>
                    <a:pt x="1138428" y="1632966"/>
                  </a:lnTo>
                  <a:lnTo>
                    <a:pt x="1195578" y="1747266"/>
                  </a:lnTo>
                  <a:lnTo>
                    <a:pt x="1233678" y="1671066"/>
                  </a:lnTo>
                  <a:lnTo>
                    <a:pt x="1252728" y="1632966"/>
                  </a:lnTo>
                  <a:close/>
                </a:path>
                <a:path w="4107179" h="3146425">
                  <a:moveTo>
                    <a:pt x="1716024" y="2335530"/>
                  </a:moveTo>
                  <a:lnTo>
                    <a:pt x="1677924" y="2335530"/>
                  </a:lnTo>
                  <a:lnTo>
                    <a:pt x="1677924" y="2126742"/>
                  </a:lnTo>
                  <a:lnTo>
                    <a:pt x="1676425" y="2119325"/>
                  </a:lnTo>
                  <a:lnTo>
                    <a:pt x="1672348" y="2113267"/>
                  </a:lnTo>
                  <a:lnTo>
                    <a:pt x="1666290" y="2109190"/>
                  </a:lnTo>
                  <a:lnTo>
                    <a:pt x="1658874" y="2107692"/>
                  </a:lnTo>
                  <a:lnTo>
                    <a:pt x="1651444" y="2109190"/>
                  </a:lnTo>
                  <a:lnTo>
                    <a:pt x="1645386" y="2113267"/>
                  </a:lnTo>
                  <a:lnTo>
                    <a:pt x="1641309" y="2119325"/>
                  </a:lnTo>
                  <a:lnTo>
                    <a:pt x="1639824" y="2126742"/>
                  </a:lnTo>
                  <a:lnTo>
                    <a:pt x="1639824" y="2335530"/>
                  </a:lnTo>
                  <a:lnTo>
                    <a:pt x="1601724" y="2335530"/>
                  </a:lnTo>
                  <a:lnTo>
                    <a:pt x="1658874" y="2449830"/>
                  </a:lnTo>
                  <a:lnTo>
                    <a:pt x="1696974" y="2373642"/>
                  </a:lnTo>
                  <a:lnTo>
                    <a:pt x="1716024" y="2335530"/>
                  </a:lnTo>
                  <a:close/>
                </a:path>
                <a:path w="4107179" h="3146425">
                  <a:moveTo>
                    <a:pt x="2033016" y="951738"/>
                  </a:moveTo>
                  <a:lnTo>
                    <a:pt x="1994916" y="951738"/>
                  </a:lnTo>
                  <a:lnTo>
                    <a:pt x="1994916" y="742950"/>
                  </a:lnTo>
                  <a:lnTo>
                    <a:pt x="1993417" y="735533"/>
                  </a:lnTo>
                  <a:lnTo>
                    <a:pt x="1989340" y="729475"/>
                  </a:lnTo>
                  <a:lnTo>
                    <a:pt x="1983282" y="725398"/>
                  </a:lnTo>
                  <a:lnTo>
                    <a:pt x="1975866" y="723900"/>
                  </a:lnTo>
                  <a:lnTo>
                    <a:pt x="1968436" y="725398"/>
                  </a:lnTo>
                  <a:lnTo>
                    <a:pt x="1962378" y="729475"/>
                  </a:lnTo>
                  <a:lnTo>
                    <a:pt x="1958301" y="735533"/>
                  </a:lnTo>
                  <a:lnTo>
                    <a:pt x="1956816" y="742950"/>
                  </a:lnTo>
                  <a:lnTo>
                    <a:pt x="1956816" y="951738"/>
                  </a:lnTo>
                  <a:lnTo>
                    <a:pt x="1918716" y="951738"/>
                  </a:lnTo>
                  <a:lnTo>
                    <a:pt x="1975866" y="1066038"/>
                  </a:lnTo>
                  <a:lnTo>
                    <a:pt x="2013966" y="989838"/>
                  </a:lnTo>
                  <a:lnTo>
                    <a:pt x="2033016" y="951738"/>
                  </a:lnTo>
                  <a:close/>
                </a:path>
                <a:path w="4107179" h="3146425">
                  <a:moveTo>
                    <a:pt x="2423160" y="238506"/>
                  </a:moveTo>
                  <a:lnTo>
                    <a:pt x="2385060" y="238506"/>
                  </a:lnTo>
                  <a:lnTo>
                    <a:pt x="2385060" y="29718"/>
                  </a:lnTo>
                  <a:lnTo>
                    <a:pt x="2383561" y="22301"/>
                  </a:lnTo>
                  <a:lnTo>
                    <a:pt x="2379484" y="16243"/>
                  </a:lnTo>
                  <a:lnTo>
                    <a:pt x="2373426" y="12166"/>
                  </a:lnTo>
                  <a:lnTo>
                    <a:pt x="2366010" y="10668"/>
                  </a:lnTo>
                  <a:lnTo>
                    <a:pt x="2358580" y="12166"/>
                  </a:lnTo>
                  <a:lnTo>
                    <a:pt x="2352522" y="16243"/>
                  </a:lnTo>
                  <a:lnTo>
                    <a:pt x="2348446" y="22301"/>
                  </a:lnTo>
                  <a:lnTo>
                    <a:pt x="2346960" y="29718"/>
                  </a:lnTo>
                  <a:lnTo>
                    <a:pt x="2346960" y="238506"/>
                  </a:lnTo>
                  <a:lnTo>
                    <a:pt x="2308860" y="238506"/>
                  </a:lnTo>
                  <a:lnTo>
                    <a:pt x="2366010" y="352806"/>
                  </a:lnTo>
                  <a:lnTo>
                    <a:pt x="2404110" y="276606"/>
                  </a:lnTo>
                  <a:lnTo>
                    <a:pt x="2423160" y="238506"/>
                  </a:lnTo>
                  <a:close/>
                </a:path>
                <a:path w="4107179" h="3146425">
                  <a:moveTo>
                    <a:pt x="2680716" y="3031998"/>
                  </a:moveTo>
                  <a:lnTo>
                    <a:pt x="2642616" y="3031998"/>
                  </a:lnTo>
                  <a:lnTo>
                    <a:pt x="2642616" y="2823210"/>
                  </a:lnTo>
                  <a:lnTo>
                    <a:pt x="2641117" y="2815793"/>
                  </a:lnTo>
                  <a:lnTo>
                    <a:pt x="2637040" y="2809748"/>
                  </a:lnTo>
                  <a:lnTo>
                    <a:pt x="2630982" y="2805658"/>
                  </a:lnTo>
                  <a:lnTo>
                    <a:pt x="2623566" y="2804160"/>
                  </a:lnTo>
                  <a:lnTo>
                    <a:pt x="2616136" y="2805658"/>
                  </a:lnTo>
                  <a:lnTo>
                    <a:pt x="2610078" y="2809748"/>
                  </a:lnTo>
                  <a:lnTo>
                    <a:pt x="2606002" y="2815793"/>
                  </a:lnTo>
                  <a:lnTo>
                    <a:pt x="2604516" y="2823210"/>
                  </a:lnTo>
                  <a:lnTo>
                    <a:pt x="2604516" y="3031998"/>
                  </a:lnTo>
                  <a:lnTo>
                    <a:pt x="2566416" y="3031998"/>
                  </a:lnTo>
                  <a:lnTo>
                    <a:pt x="2623566" y="3146298"/>
                  </a:lnTo>
                  <a:lnTo>
                    <a:pt x="2661666" y="3070098"/>
                  </a:lnTo>
                  <a:lnTo>
                    <a:pt x="2680716" y="3031998"/>
                  </a:lnTo>
                  <a:close/>
                </a:path>
                <a:path w="4107179" h="3146425">
                  <a:moveTo>
                    <a:pt x="3710940" y="2347722"/>
                  </a:moveTo>
                  <a:lnTo>
                    <a:pt x="3672840" y="2347722"/>
                  </a:lnTo>
                  <a:lnTo>
                    <a:pt x="3672840" y="2138934"/>
                  </a:lnTo>
                  <a:lnTo>
                    <a:pt x="3671341" y="2131517"/>
                  </a:lnTo>
                  <a:lnTo>
                    <a:pt x="3667264" y="2125459"/>
                  </a:lnTo>
                  <a:lnTo>
                    <a:pt x="3661206" y="2121382"/>
                  </a:lnTo>
                  <a:lnTo>
                    <a:pt x="3653790" y="2119884"/>
                  </a:lnTo>
                  <a:lnTo>
                    <a:pt x="3646360" y="2121382"/>
                  </a:lnTo>
                  <a:lnTo>
                    <a:pt x="3640302" y="2125459"/>
                  </a:lnTo>
                  <a:lnTo>
                    <a:pt x="3636226" y="2131517"/>
                  </a:lnTo>
                  <a:lnTo>
                    <a:pt x="3634740" y="2138934"/>
                  </a:lnTo>
                  <a:lnTo>
                    <a:pt x="3634740" y="2347722"/>
                  </a:lnTo>
                  <a:lnTo>
                    <a:pt x="3596640" y="2347722"/>
                  </a:lnTo>
                  <a:lnTo>
                    <a:pt x="3653790" y="2462022"/>
                  </a:lnTo>
                  <a:lnTo>
                    <a:pt x="3691890" y="2385822"/>
                  </a:lnTo>
                  <a:lnTo>
                    <a:pt x="3710940" y="2347722"/>
                  </a:lnTo>
                  <a:close/>
                </a:path>
                <a:path w="4107179" h="3146425">
                  <a:moveTo>
                    <a:pt x="4107180" y="1633601"/>
                  </a:moveTo>
                  <a:lnTo>
                    <a:pt x="4069080" y="1633601"/>
                  </a:lnTo>
                  <a:lnTo>
                    <a:pt x="4069080" y="48006"/>
                  </a:lnTo>
                  <a:lnTo>
                    <a:pt x="4067581" y="40589"/>
                  </a:lnTo>
                  <a:lnTo>
                    <a:pt x="4063504" y="34531"/>
                  </a:lnTo>
                  <a:lnTo>
                    <a:pt x="4057446" y="30454"/>
                  </a:lnTo>
                  <a:lnTo>
                    <a:pt x="4050030" y="28956"/>
                  </a:lnTo>
                  <a:lnTo>
                    <a:pt x="4042600" y="30454"/>
                  </a:lnTo>
                  <a:lnTo>
                    <a:pt x="4036542" y="34531"/>
                  </a:lnTo>
                  <a:lnTo>
                    <a:pt x="4032466" y="40589"/>
                  </a:lnTo>
                  <a:lnTo>
                    <a:pt x="4030980" y="48006"/>
                  </a:lnTo>
                  <a:lnTo>
                    <a:pt x="4030980" y="1633601"/>
                  </a:lnTo>
                  <a:lnTo>
                    <a:pt x="3992880" y="1633601"/>
                  </a:lnTo>
                  <a:lnTo>
                    <a:pt x="4050030" y="1747901"/>
                  </a:lnTo>
                  <a:lnTo>
                    <a:pt x="4088130" y="1671701"/>
                  </a:lnTo>
                  <a:lnTo>
                    <a:pt x="4107180" y="1633601"/>
                  </a:lnTo>
                  <a:close/>
                </a:path>
              </a:pathLst>
            </a:custGeom>
            <a:solidFill>
              <a:srgbClr val="B83C68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4778501" y="5982461"/>
              <a:ext cx="1405255" cy="379730"/>
            </a:xfrm>
            <a:custGeom>
              <a:avLst/>
              <a:gdLst/>
              <a:ahLst/>
              <a:cxnLst/>
              <a:rect l="l" t="t" r="r" b="b"/>
              <a:pathLst>
                <a:path w="1405254" h="379729">
                  <a:moveTo>
                    <a:pt x="0" y="63245"/>
                  </a:moveTo>
                  <a:lnTo>
                    <a:pt x="4970" y="38629"/>
                  </a:lnTo>
                  <a:lnTo>
                    <a:pt x="18526" y="18526"/>
                  </a:lnTo>
                  <a:lnTo>
                    <a:pt x="38629" y="4970"/>
                  </a:lnTo>
                  <a:lnTo>
                    <a:pt x="63246" y="0"/>
                  </a:lnTo>
                  <a:lnTo>
                    <a:pt x="1341882" y="0"/>
                  </a:lnTo>
                  <a:lnTo>
                    <a:pt x="1366498" y="4970"/>
                  </a:lnTo>
                  <a:lnTo>
                    <a:pt x="1386601" y="18526"/>
                  </a:lnTo>
                  <a:lnTo>
                    <a:pt x="1400157" y="38629"/>
                  </a:lnTo>
                  <a:lnTo>
                    <a:pt x="1405127" y="63245"/>
                  </a:lnTo>
                  <a:lnTo>
                    <a:pt x="1405127" y="316230"/>
                  </a:lnTo>
                  <a:lnTo>
                    <a:pt x="1400157" y="340846"/>
                  </a:lnTo>
                  <a:lnTo>
                    <a:pt x="1386601" y="360949"/>
                  </a:lnTo>
                  <a:lnTo>
                    <a:pt x="1366498" y="374505"/>
                  </a:lnTo>
                  <a:lnTo>
                    <a:pt x="1341882" y="379475"/>
                  </a:lnTo>
                  <a:lnTo>
                    <a:pt x="63246" y="379475"/>
                  </a:lnTo>
                  <a:lnTo>
                    <a:pt x="38629" y="374505"/>
                  </a:lnTo>
                  <a:lnTo>
                    <a:pt x="18526" y="360949"/>
                  </a:lnTo>
                  <a:lnTo>
                    <a:pt x="4970" y="340846"/>
                  </a:lnTo>
                  <a:lnTo>
                    <a:pt x="0" y="316230"/>
                  </a:lnTo>
                  <a:lnTo>
                    <a:pt x="0" y="63245"/>
                  </a:lnTo>
                  <a:close/>
                </a:path>
              </a:pathLst>
            </a:custGeom>
            <a:ln w="38100">
              <a:solidFill>
                <a:srgbClr val="852A49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4" name="object 14"/>
          <p:cNvSpPr txBox="1"/>
          <p:nvPr/>
        </p:nvSpPr>
        <p:spPr>
          <a:xfrm>
            <a:off x="5369178" y="6009843"/>
            <a:ext cx="273050" cy="26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1600" b="1" spc="-10" dirty="0">
                <a:latin typeface="Times New Roman"/>
                <a:cs typeface="Times New Roman"/>
              </a:rPr>
              <a:t>R5</a:t>
            </a:r>
            <a:endParaRPr sz="1600">
              <a:latin typeface="Times New Roman"/>
              <a:cs typeface="Times New Roman"/>
            </a:endParaRPr>
          </a:p>
        </p:txBody>
      </p:sp>
      <p:sp>
        <p:nvSpPr>
          <p:cNvPr id="15" name="object 15"/>
          <p:cNvSpPr/>
          <p:nvPr/>
        </p:nvSpPr>
        <p:spPr>
          <a:xfrm>
            <a:off x="5434584" y="6342888"/>
            <a:ext cx="114300" cy="342265"/>
          </a:xfrm>
          <a:custGeom>
            <a:avLst/>
            <a:gdLst/>
            <a:ahLst/>
            <a:cxnLst/>
            <a:rect l="l" t="t" r="r" b="b"/>
            <a:pathLst>
              <a:path w="114300" h="342265">
                <a:moveTo>
                  <a:pt x="38100" y="227838"/>
                </a:moveTo>
                <a:lnTo>
                  <a:pt x="0" y="227838"/>
                </a:lnTo>
                <a:lnTo>
                  <a:pt x="57150" y="342138"/>
                </a:lnTo>
                <a:lnTo>
                  <a:pt x="95250" y="265938"/>
                </a:lnTo>
                <a:lnTo>
                  <a:pt x="57150" y="265938"/>
                </a:lnTo>
                <a:lnTo>
                  <a:pt x="49726" y="264441"/>
                </a:lnTo>
                <a:lnTo>
                  <a:pt x="43672" y="260361"/>
                </a:lnTo>
                <a:lnTo>
                  <a:pt x="39594" y="254306"/>
                </a:lnTo>
                <a:lnTo>
                  <a:pt x="38100" y="246888"/>
                </a:lnTo>
                <a:lnTo>
                  <a:pt x="38100" y="227838"/>
                </a:lnTo>
                <a:close/>
              </a:path>
              <a:path w="114300" h="342265">
                <a:moveTo>
                  <a:pt x="57150" y="0"/>
                </a:moveTo>
                <a:lnTo>
                  <a:pt x="49726" y="1496"/>
                </a:lnTo>
                <a:lnTo>
                  <a:pt x="43672" y="5576"/>
                </a:lnTo>
                <a:lnTo>
                  <a:pt x="39594" y="11631"/>
                </a:lnTo>
                <a:lnTo>
                  <a:pt x="38100" y="19050"/>
                </a:lnTo>
                <a:lnTo>
                  <a:pt x="38100" y="246888"/>
                </a:lnTo>
                <a:lnTo>
                  <a:pt x="39594" y="254306"/>
                </a:lnTo>
                <a:lnTo>
                  <a:pt x="43672" y="260361"/>
                </a:lnTo>
                <a:lnTo>
                  <a:pt x="49726" y="264441"/>
                </a:lnTo>
                <a:lnTo>
                  <a:pt x="57150" y="265938"/>
                </a:lnTo>
                <a:lnTo>
                  <a:pt x="64573" y="264441"/>
                </a:lnTo>
                <a:lnTo>
                  <a:pt x="70627" y="260361"/>
                </a:lnTo>
                <a:lnTo>
                  <a:pt x="74705" y="254306"/>
                </a:lnTo>
                <a:lnTo>
                  <a:pt x="76200" y="246888"/>
                </a:lnTo>
                <a:lnTo>
                  <a:pt x="76200" y="19050"/>
                </a:lnTo>
                <a:lnTo>
                  <a:pt x="74705" y="11631"/>
                </a:lnTo>
                <a:lnTo>
                  <a:pt x="70627" y="5576"/>
                </a:lnTo>
                <a:lnTo>
                  <a:pt x="64573" y="1496"/>
                </a:lnTo>
                <a:lnTo>
                  <a:pt x="57150" y="0"/>
                </a:lnTo>
                <a:close/>
              </a:path>
              <a:path w="114300" h="342265">
                <a:moveTo>
                  <a:pt x="114300" y="227838"/>
                </a:moveTo>
                <a:lnTo>
                  <a:pt x="76200" y="227838"/>
                </a:lnTo>
                <a:lnTo>
                  <a:pt x="76200" y="246888"/>
                </a:lnTo>
                <a:lnTo>
                  <a:pt x="74705" y="254306"/>
                </a:lnTo>
                <a:lnTo>
                  <a:pt x="70627" y="260361"/>
                </a:lnTo>
                <a:lnTo>
                  <a:pt x="64573" y="264441"/>
                </a:lnTo>
                <a:lnTo>
                  <a:pt x="57150" y="265938"/>
                </a:lnTo>
                <a:lnTo>
                  <a:pt x="95250" y="265938"/>
                </a:lnTo>
                <a:lnTo>
                  <a:pt x="114300" y="227838"/>
                </a:lnTo>
                <a:close/>
              </a:path>
            </a:pathLst>
          </a:custGeom>
          <a:solidFill>
            <a:srgbClr val="B83C68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16"/>
          <p:cNvSpPr txBox="1"/>
          <p:nvPr/>
        </p:nvSpPr>
        <p:spPr>
          <a:xfrm>
            <a:off x="6774560" y="6033008"/>
            <a:ext cx="4605020" cy="57467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  <a:tabLst>
                <a:tab pos="824865" algn="l"/>
                <a:tab pos="1916430" algn="l"/>
                <a:tab pos="2816860" algn="l"/>
                <a:tab pos="3246755" algn="l"/>
                <a:tab pos="4123054" algn="l"/>
              </a:tabLst>
            </a:pPr>
            <a:r>
              <a:rPr sz="1800" spc="-5" dirty="0">
                <a:solidFill>
                  <a:srgbClr val="C00000"/>
                </a:solidFill>
                <a:latin typeface="Times New Roman"/>
                <a:cs typeface="Times New Roman"/>
              </a:rPr>
              <a:t>Design	arith</a:t>
            </a:r>
            <a:r>
              <a:rPr sz="1800" spc="-10" dirty="0">
                <a:solidFill>
                  <a:srgbClr val="C00000"/>
                </a:solidFill>
                <a:latin typeface="Times New Roman"/>
                <a:cs typeface="Times New Roman"/>
              </a:rPr>
              <a:t>m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e</a:t>
            </a:r>
            <a:r>
              <a:rPr sz="1800" spc="5" dirty="0">
                <a:solidFill>
                  <a:srgbClr val="C00000"/>
                </a:solidFill>
                <a:latin typeface="Times New Roman"/>
                <a:cs typeface="Times New Roman"/>
              </a:rPr>
              <a:t>t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c	pipeline	for	floating	p</a:t>
            </a:r>
            <a:r>
              <a:rPr sz="1800" spc="-15" dirty="0">
                <a:solidFill>
                  <a:srgbClr val="C00000"/>
                </a:solidFill>
                <a:latin typeface="Times New Roman"/>
                <a:cs typeface="Times New Roman"/>
              </a:rPr>
              <a:t>o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int</a:t>
            </a:r>
            <a:endParaRPr sz="18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</a:pP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addition/subtraction</a:t>
            </a:r>
            <a:r>
              <a:rPr sz="1800" spc="-4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and</a:t>
            </a:r>
            <a:r>
              <a:rPr sz="1800" spc="-2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1800" dirty="0">
                <a:solidFill>
                  <a:srgbClr val="C00000"/>
                </a:solidFill>
                <a:latin typeface="Times New Roman"/>
                <a:cs typeface="Times New Roman"/>
              </a:rPr>
              <a:t>multiplication/division.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pic>
          <p:nvPicPr>
            <p:cNvPr id="3" name="object 3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1492630" y="2732532"/>
              <a:ext cx="91440" cy="252984"/>
            </a:xfrm>
            <a:prstGeom prst="rect">
              <a:avLst/>
            </a:prstGeom>
          </p:spPr>
        </p:pic>
        <p:pic>
          <p:nvPicPr>
            <p:cNvPr id="4" name="object 4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1492630" y="3113227"/>
              <a:ext cx="91440" cy="253288"/>
            </a:xfrm>
            <a:prstGeom prst="rect">
              <a:avLst/>
            </a:prstGeom>
          </p:spPr>
        </p:pic>
        <p:pic>
          <p:nvPicPr>
            <p:cNvPr id="5" name="object 5"/>
            <p:cNvPicPr/>
            <p:nvPr/>
          </p:nvPicPr>
          <p:blipFill>
            <a:blip r:embed="rId2" cstate="print"/>
            <a:stretch>
              <a:fillRect/>
            </a:stretch>
          </p:blipFill>
          <p:spPr>
            <a:xfrm>
              <a:off x="1492630" y="3967226"/>
              <a:ext cx="91440" cy="252984"/>
            </a:xfrm>
            <a:prstGeom prst="rect">
              <a:avLst/>
            </a:prstGeom>
          </p:spPr>
        </p:pic>
      </p:grpSp>
      <p:sp>
        <p:nvSpPr>
          <p:cNvPr id="6" name="object 6"/>
          <p:cNvSpPr txBox="1">
            <a:spLocks noGrp="1"/>
          </p:cNvSpPr>
          <p:nvPr>
            <p:ph type="title"/>
          </p:nvPr>
        </p:nvSpPr>
        <p:spPr>
          <a:xfrm>
            <a:off x="1233931" y="1029715"/>
            <a:ext cx="9869497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5" dirty="0">
                <a:latin typeface="Verdana"/>
                <a:cs typeface="Verdana"/>
              </a:rPr>
              <a:t>Comments</a:t>
            </a:r>
            <a:r>
              <a:rPr sz="3600" spc="-265" dirty="0">
                <a:latin typeface="Verdana"/>
                <a:cs typeface="Verdana"/>
              </a:rPr>
              <a:t> </a:t>
            </a:r>
            <a:r>
              <a:rPr sz="3600" spc="70" dirty="0">
                <a:latin typeface="Verdana"/>
                <a:cs typeface="Verdana"/>
              </a:rPr>
              <a:t>about</a:t>
            </a:r>
            <a:r>
              <a:rPr sz="3600" spc="-280" dirty="0">
                <a:latin typeface="Verdana"/>
                <a:cs typeface="Verdana"/>
              </a:rPr>
              <a:t> </a:t>
            </a:r>
            <a:r>
              <a:rPr sz="3600" spc="-45" dirty="0">
                <a:latin typeface="Verdana"/>
                <a:cs typeface="Verdana"/>
              </a:rPr>
              <a:t>Pipeline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7" name="object 7"/>
          <p:cNvSpPr txBox="1"/>
          <p:nvPr/>
        </p:nvSpPr>
        <p:spPr>
          <a:xfrm>
            <a:off x="959205" y="2212949"/>
            <a:ext cx="10183495" cy="4202430"/>
          </a:xfrm>
          <a:prstGeom prst="rect">
            <a:avLst/>
          </a:prstGeom>
        </p:spPr>
        <p:txBody>
          <a:bodyPr vert="horz" wrap="square" lIns="0" tIns="88900" rIns="0" bIns="0" rtlCol="0">
            <a:spAutoFit/>
          </a:bodyPr>
          <a:lstStyle/>
          <a:p>
            <a:pPr marL="325755" indent="-288290">
              <a:lnSpc>
                <a:spcPct val="100000"/>
              </a:lnSpc>
              <a:spcBef>
                <a:spcPts val="700"/>
              </a:spcBef>
              <a:buClr>
                <a:srgbClr val="B83C68"/>
              </a:buClr>
              <a:buSzPct val="75000"/>
              <a:buFont typeface="Wingdings"/>
              <a:buChar char=""/>
              <a:tabLst>
                <a:tab pos="326390" algn="l"/>
              </a:tabLst>
            </a:pP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good</a:t>
            </a:r>
            <a:r>
              <a:rPr sz="2000" spc="-4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news</a:t>
            </a:r>
            <a:endParaRPr sz="2000">
              <a:latin typeface="Times New Roman"/>
              <a:cs typeface="Times New Roman"/>
            </a:endParaRPr>
          </a:p>
          <a:p>
            <a:pPr marL="779780">
              <a:lnSpc>
                <a:spcPct val="100000"/>
              </a:lnSpc>
              <a:spcBef>
                <a:spcPts val="600"/>
              </a:spcBef>
            </a:pPr>
            <a:r>
              <a:rPr sz="2000" dirty="0">
                <a:latin typeface="Times New Roman"/>
                <a:cs typeface="Times New Roman"/>
              </a:rPr>
              <a:t>Multiple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structions</a:t>
            </a:r>
            <a:r>
              <a:rPr sz="2000" spc="-4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r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eing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cessed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t </a:t>
            </a:r>
            <a:r>
              <a:rPr sz="2000" spc="-5" dirty="0">
                <a:latin typeface="Times New Roman"/>
                <a:cs typeface="Times New Roman"/>
              </a:rPr>
              <a:t>same </a:t>
            </a:r>
            <a:r>
              <a:rPr sz="2000" spc="-10" dirty="0">
                <a:latin typeface="Times New Roman"/>
                <a:cs typeface="Times New Roman"/>
              </a:rPr>
              <a:t>time</a:t>
            </a:r>
            <a:endParaRPr sz="2000">
              <a:latin typeface="Times New Roman"/>
              <a:cs typeface="Times New Roman"/>
            </a:endParaRPr>
          </a:p>
          <a:p>
            <a:pPr marL="779780">
              <a:lnSpc>
                <a:spcPct val="100000"/>
              </a:lnSpc>
              <a:spcBef>
                <a:spcPts val="600"/>
              </a:spcBef>
            </a:pPr>
            <a:r>
              <a:rPr sz="2000" dirty="0">
                <a:latin typeface="Times New Roman"/>
                <a:cs typeface="Times New Roman"/>
              </a:rPr>
              <a:t>Best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ase </a:t>
            </a:r>
            <a:r>
              <a:rPr sz="2000" spc="5" dirty="0">
                <a:latin typeface="Times New Roman"/>
                <a:cs typeface="Times New Roman"/>
              </a:rPr>
              <a:t>speedup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equal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o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number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of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stages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of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ipeline</a:t>
            </a:r>
            <a:endParaRPr sz="2000">
              <a:latin typeface="Times New Roman"/>
              <a:cs typeface="Times New Roman"/>
            </a:endParaRPr>
          </a:p>
          <a:p>
            <a:pPr marL="325755" indent="-288290" algn="just">
              <a:lnSpc>
                <a:spcPct val="100000"/>
              </a:lnSpc>
              <a:spcBef>
                <a:spcPts val="1320"/>
              </a:spcBef>
              <a:buClr>
                <a:srgbClr val="B83C68"/>
              </a:buClr>
              <a:buSzPct val="75000"/>
              <a:buFont typeface="Wingdings"/>
              <a:buChar char=""/>
              <a:tabLst>
                <a:tab pos="326390" algn="l"/>
              </a:tabLst>
            </a:pP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ad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news</a:t>
            </a:r>
            <a:endParaRPr sz="2000">
              <a:latin typeface="Times New Roman"/>
              <a:cs typeface="Times New Roman"/>
            </a:endParaRPr>
          </a:p>
          <a:p>
            <a:pPr marL="779780" algn="just">
              <a:lnSpc>
                <a:spcPct val="100000"/>
              </a:lnSpc>
              <a:spcBef>
                <a:spcPts val="600"/>
              </a:spcBef>
            </a:pPr>
            <a:r>
              <a:rPr sz="2000" dirty="0">
                <a:latin typeface="Times New Roman"/>
                <a:cs typeface="Times New Roman"/>
              </a:rPr>
              <a:t>Instructions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terfere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with each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ther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d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unable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o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ceed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t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ir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designated</a:t>
            </a:r>
            <a:r>
              <a:rPr sz="2000" spc="-114" dirty="0">
                <a:latin typeface="Times New Roman"/>
                <a:cs typeface="Times New Roman"/>
              </a:rPr>
              <a:t> </a:t>
            </a:r>
            <a:r>
              <a:rPr sz="2000" b="1" spc="5" dirty="0">
                <a:latin typeface="Times New Roman"/>
                <a:cs typeface="Times New Roman"/>
              </a:rPr>
              <a:t>t</a:t>
            </a:r>
            <a:r>
              <a:rPr sz="1950" b="1" spc="7" baseline="-21367" dirty="0">
                <a:latin typeface="Times New Roman"/>
                <a:cs typeface="Times New Roman"/>
              </a:rPr>
              <a:t>p</a:t>
            </a:r>
            <a:r>
              <a:rPr sz="1950" b="1" spc="262" baseline="-21367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- </a:t>
            </a:r>
            <a:r>
              <a:rPr sz="2000" u="sng" dirty="0">
                <a:solidFill>
                  <a:srgbClr val="990000"/>
                </a:solidFill>
                <a:uFill>
                  <a:solidFill>
                    <a:srgbClr val="990000"/>
                  </a:solidFill>
                </a:uFill>
                <a:latin typeface="Times New Roman"/>
                <a:cs typeface="Times New Roman"/>
              </a:rPr>
              <a:t>Hazard</a:t>
            </a:r>
            <a:endParaRPr sz="2000">
              <a:latin typeface="Times New Roman"/>
              <a:cs typeface="Times New Roman"/>
            </a:endParaRPr>
          </a:p>
          <a:p>
            <a:pPr marL="1184275" lvl="1" indent="-177800" algn="just">
              <a:lnSpc>
                <a:spcPts val="2220"/>
              </a:lnSpc>
              <a:spcBef>
                <a:spcPts val="600"/>
              </a:spcBef>
              <a:buClr>
                <a:srgbClr val="B83C68"/>
              </a:buClr>
              <a:buChar char="-"/>
              <a:tabLst>
                <a:tab pos="1184910" algn="l"/>
              </a:tabLst>
            </a:pPr>
            <a:r>
              <a:rPr sz="2000" spc="-5" dirty="0">
                <a:latin typeface="Times New Roman"/>
                <a:cs typeface="Times New Roman"/>
              </a:rPr>
              <a:t>Example: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different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s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may</a:t>
            </a:r>
            <a:r>
              <a:rPr sz="2000" spc="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need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 </a:t>
            </a:r>
            <a:r>
              <a:rPr sz="2000" spc="-5" dirty="0">
                <a:latin typeface="Times New Roman"/>
                <a:cs typeface="Times New Roman"/>
              </a:rPr>
              <a:t>same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iece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hardware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(e.g.,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emory)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n</a:t>
            </a:r>
            <a:endParaRPr sz="2000">
              <a:latin typeface="Times New Roman"/>
              <a:cs typeface="Times New Roman"/>
            </a:endParaRPr>
          </a:p>
          <a:p>
            <a:pPr marL="1184275" algn="just">
              <a:lnSpc>
                <a:spcPts val="2220"/>
              </a:lnSpc>
            </a:pPr>
            <a:r>
              <a:rPr sz="2000" spc="-5" dirty="0">
                <a:latin typeface="Times New Roman"/>
                <a:cs typeface="Times New Roman"/>
              </a:rPr>
              <a:t>same </a:t>
            </a:r>
            <a:r>
              <a:rPr sz="2000" dirty="0">
                <a:latin typeface="Times New Roman"/>
                <a:cs typeface="Times New Roman"/>
              </a:rPr>
              <a:t>clock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cycle</a:t>
            </a:r>
            <a:r>
              <a:rPr sz="2000" dirty="0">
                <a:latin typeface="Times New Roman"/>
                <a:cs typeface="Times New Roman"/>
              </a:rPr>
              <a:t> –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Structural</a:t>
            </a:r>
            <a:r>
              <a:rPr sz="2000" spc="-5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Hazard</a:t>
            </a:r>
            <a:endParaRPr sz="2000">
              <a:latin typeface="Times New Roman"/>
              <a:cs typeface="Times New Roman"/>
            </a:endParaRPr>
          </a:p>
          <a:p>
            <a:pPr marL="1184275" marR="243204" lvl="1" indent="-177165" algn="just">
              <a:lnSpc>
                <a:spcPts val="2039"/>
              </a:lnSpc>
              <a:spcBef>
                <a:spcPts val="969"/>
              </a:spcBef>
              <a:buClr>
                <a:srgbClr val="B83C68"/>
              </a:buClr>
              <a:buChar char="-"/>
              <a:tabLst>
                <a:tab pos="1184910" algn="l"/>
              </a:tabLst>
            </a:pPr>
            <a:r>
              <a:rPr sz="2000" spc="-5" dirty="0">
                <a:latin typeface="Times New Roman"/>
                <a:cs typeface="Times New Roman"/>
              </a:rPr>
              <a:t>Example: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spc="-10" dirty="0">
                <a:latin typeface="Times New Roman"/>
                <a:cs typeface="Times New Roman"/>
              </a:rPr>
              <a:t>may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equire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result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roduced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y</a:t>
            </a:r>
            <a:r>
              <a:rPr sz="2000" spc="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 earlier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</a:t>
            </a:r>
            <a:r>
              <a:rPr sz="2000" spc="-3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at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is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not </a:t>
            </a:r>
            <a:r>
              <a:rPr sz="2000" spc="-49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yet complete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–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Data</a:t>
            </a:r>
            <a:r>
              <a:rPr sz="2000" spc="-15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Hazard</a:t>
            </a:r>
            <a:endParaRPr sz="2000">
              <a:latin typeface="Times New Roman"/>
              <a:cs typeface="Times New Roman"/>
            </a:endParaRPr>
          </a:p>
          <a:p>
            <a:pPr marL="1184275" marR="30480" lvl="1" indent="-177165" algn="just">
              <a:lnSpc>
                <a:spcPts val="2039"/>
              </a:lnSpc>
              <a:spcBef>
                <a:spcPts val="960"/>
              </a:spcBef>
              <a:buClr>
                <a:srgbClr val="B83C68"/>
              </a:buClr>
              <a:buChar char="-"/>
              <a:tabLst>
                <a:tab pos="1184910" algn="l"/>
              </a:tabLst>
            </a:pPr>
            <a:r>
              <a:rPr sz="2000" spc="-5" dirty="0">
                <a:latin typeface="Times New Roman"/>
                <a:cs typeface="Times New Roman"/>
              </a:rPr>
              <a:t>Example: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ranch</a:t>
            </a:r>
            <a:r>
              <a:rPr sz="2000" spc="-2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and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ther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s</a:t>
            </a:r>
            <a:r>
              <a:rPr sz="2000" spc="-4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at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changes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PC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makes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fetch</a:t>
            </a:r>
            <a:r>
              <a:rPr sz="2000" spc="-1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exact </a:t>
            </a:r>
            <a:r>
              <a:rPr sz="2000" spc="-484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o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be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delayed </a:t>
            </a:r>
            <a:r>
              <a:rPr sz="2000" dirty="0">
                <a:latin typeface="Times New Roman"/>
                <a:cs typeface="Times New Roman"/>
              </a:rPr>
              <a:t>or</a:t>
            </a:r>
            <a:r>
              <a:rPr sz="2000" spc="-10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some</a:t>
            </a:r>
            <a:r>
              <a:rPr sz="2000" spc="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of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h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spc="5" dirty="0">
                <a:latin typeface="Times New Roman"/>
                <a:cs typeface="Times New Roman"/>
              </a:rPr>
              <a:t>wrong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spc="-5" dirty="0">
                <a:latin typeface="Times New Roman"/>
                <a:cs typeface="Times New Roman"/>
              </a:rPr>
              <a:t>instructions</a:t>
            </a:r>
            <a:r>
              <a:rPr sz="2000" spc="-3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entered</a:t>
            </a:r>
            <a:r>
              <a:rPr sz="2000" spc="-2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to pipeline</a:t>
            </a:r>
            <a:r>
              <a:rPr sz="2000" spc="-5" dirty="0">
                <a:latin typeface="Times New Roman"/>
                <a:cs typeface="Times New Roman"/>
              </a:rPr>
              <a:t> </a:t>
            </a:r>
            <a:r>
              <a:rPr sz="2000" dirty="0">
                <a:latin typeface="Times New Roman"/>
                <a:cs typeface="Times New Roman"/>
              </a:rPr>
              <a:t>–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Control </a:t>
            </a:r>
            <a:r>
              <a:rPr sz="2000" spc="-484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C00000"/>
                </a:solidFill>
                <a:latin typeface="Times New Roman"/>
                <a:cs typeface="Times New Roman"/>
              </a:rPr>
              <a:t>Hazard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326261" y="1910443"/>
            <a:ext cx="9301480" cy="424924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355600" marR="6350" indent="-342900" algn="just">
              <a:lnSpc>
                <a:spcPct val="100000"/>
              </a:lnSpc>
              <a:spcBef>
                <a:spcPts val="95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n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ortant aspect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PU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architectur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 the design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th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 set for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processor.</a:t>
            </a:r>
            <a:endParaRPr sz="22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60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t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hosen</a:t>
            </a:r>
            <a:r>
              <a:rPr sz="22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3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3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ular</a:t>
            </a:r>
            <a:r>
              <a:rPr sz="2200" spc="3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200" spc="3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termines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ay</a:t>
            </a:r>
            <a:r>
              <a:rPr sz="22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endParaRPr sz="22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achin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anguage programs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 constructed.</a:t>
            </a:r>
            <a:endParaRPr sz="2200">
              <a:latin typeface="Times New Roman"/>
              <a:cs typeface="Times New Roman"/>
            </a:endParaRPr>
          </a:p>
          <a:p>
            <a:pPr marL="355600" marR="7620" indent="-342900" algn="just">
              <a:lnSpc>
                <a:spcPct val="100000"/>
              </a:lnSpc>
              <a:spcBef>
                <a:spcPts val="101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digita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cam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heape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dvancement</a:t>
            </a:r>
            <a:r>
              <a:rPr sz="2200" spc="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5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tegrated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s,</a:t>
            </a:r>
            <a:r>
              <a:rPr sz="2200" spc="5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200" spc="5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200" spc="5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ended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to</a:t>
            </a:r>
            <a:r>
              <a:rPr sz="2200" spc="5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crease</a:t>
            </a:r>
            <a:r>
              <a:rPr sz="2200" spc="5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oth</a:t>
            </a:r>
            <a:r>
              <a:rPr sz="2200" spc="5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5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200" spc="5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2200" spc="-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complexity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 algn="just">
              <a:lnSpc>
                <a:spcPct val="100000"/>
              </a:lnSpc>
              <a:spcBef>
                <a:spcPts val="1000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3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n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pproach, a computer has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 and many</a:t>
            </a:r>
            <a:r>
              <a:rPr sz="2200" spc="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pabl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forming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sks.</a:t>
            </a:r>
            <a:endParaRPr sz="2200">
              <a:latin typeface="Times New Roman"/>
              <a:cs typeface="Times New Roman"/>
            </a:endParaRPr>
          </a:p>
          <a:p>
            <a:pPr marL="355600" marR="6350" indent="-342900" algn="just">
              <a:lnSpc>
                <a:spcPct val="100000"/>
              </a:lnSpc>
              <a:spcBef>
                <a:spcPts val="994"/>
              </a:spcBef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21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uter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2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llows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pproach</a:t>
            </a:r>
            <a:r>
              <a:rPr sz="22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ferred</a:t>
            </a:r>
            <a:r>
              <a:rPr sz="22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2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1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2200" spc="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 </a:t>
            </a:r>
            <a:r>
              <a:rPr sz="2200" spc="-5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t Computer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(CISC).</a:t>
            </a:r>
            <a:endParaRPr sz="2200">
              <a:latin typeface="Times New Roman"/>
              <a:cs typeface="Times New Roman"/>
            </a:endParaRPr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028325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30" dirty="0">
                <a:latin typeface="Verdana"/>
                <a:cs typeface="Verdana"/>
              </a:rPr>
              <a:t>CPU</a:t>
            </a:r>
            <a:r>
              <a:rPr sz="3600" spc="-310" dirty="0">
                <a:latin typeface="Verdana"/>
                <a:cs typeface="Verdana"/>
              </a:rPr>
              <a:t> </a:t>
            </a:r>
            <a:r>
              <a:rPr sz="3600" spc="-25" dirty="0">
                <a:latin typeface="Verdana"/>
                <a:cs typeface="Verdana"/>
              </a:rPr>
              <a:t>Architecture</a:t>
            </a:r>
            <a:endParaRPr sz="3600">
              <a:latin typeface="Verdana"/>
              <a:cs typeface="Verdana"/>
            </a:endParaRPr>
          </a:p>
        </p:txBody>
      </p:sp>
    </p:spTree>
  </p:cSld>
  <p:clrMapOvr>
    <a:masterClrMapping/>
  </p:clrMapOvr>
</p:sld>
</file>

<file path=ppt/slides/slide7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3419711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140" dirty="0">
                <a:latin typeface="Verdana"/>
                <a:cs typeface="Verdana"/>
              </a:rPr>
              <a:t>CISC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4" name="object 4"/>
          <p:cNvSpPr txBox="1">
            <a:spLocks noGrp="1"/>
          </p:cNvSpPr>
          <p:nvPr>
            <p:ph type="body" idx="1"/>
          </p:nvPr>
        </p:nvSpPr>
        <p:spPr>
          <a:xfrm>
            <a:off x="838200" y="1877786"/>
            <a:ext cx="10515600" cy="3247684"/>
          </a:xfrm>
          <a:prstGeom prst="rect">
            <a:avLst/>
          </a:prstGeom>
        </p:spPr>
        <p:txBody>
          <a:bodyPr vert="horz" wrap="square" lIns="0" tIns="130175" rIns="0" bIns="0" rtlCol="0">
            <a:spAutoFit/>
          </a:bodyPr>
          <a:lstStyle/>
          <a:p>
            <a:pPr marL="355600">
              <a:lnSpc>
                <a:spcPct val="100000"/>
              </a:lnSpc>
              <a:spcBef>
                <a:spcPts val="1025"/>
              </a:spcBef>
            </a:pPr>
            <a:r>
              <a:rPr lang="en-US" spc="-160" dirty="0" smtClean="0">
                <a:solidFill>
                  <a:srgbClr val="B83C68"/>
                </a:solidFill>
                <a:latin typeface="Lucida Sans Unicode"/>
                <a:cs typeface="Lucida Sans Unicode"/>
              </a:rPr>
              <a:t>▶ </a:t>
            </a:r>
            <a:r>
              <a:rPr spc="-5" smtClean="0"/>
              <a:t>incorporating</a:t>
            </a:r>
            <a:r>
              <a:rPr spc="15" smtClean="0"/>
              <a:t> </a:t>
            </a:r>
            <a:r>
              <a:rPr spc="-5" dirty="0"/>
              <a:t>a</a:t>
            </a:r>
            <a:r>
              <a:rPr dirty="0"/>
              <a:t> </a:t>
            </a:r>
            <a:r>
              <a:rPr spc="-10" dirty="0"/>
              <a:t>large</a:t>
            </a:r>
            <a:r>
              <a:rPr spc="20" dirty="0"/>
              <a:t> </a:t>
            </a:r>
            <a:r>
              <a:rPr spc="-5" dirty="0"/>
              <a:t>number</a:t>
            </a:r>
            <a:r>
              <a:rPr spc="30" dirty="0"/>
              <a:t> </a:t>
            </a:r>
            <a:r>
              <a:rPr dirty="0"/>
              <a:t>of</a:t>
            </a:r>
            <a:r>
              <a:rPr spc="5" dirty="0"/>
              <a:t> </a:t>
            </a:r>
            <a:r>
              <a:rPr spc="-5" dirty="0"/>
              <a:t>powerful</a:t>
            </a:r>
            <a:r>
              <a:rPr spc="15" dirty="0"/>
              <a:t> </a:t>
            </a:r>
            <a:r>
              <a:rPr spc="-5" dirty="0"/>
              <a:t>instructions.</a:t>
            </a:r>
          </a:p>
          <a:p>
            <a:pPr marL="12700">
              <a:lnSpc>
                <a:spcPct val="100000"/>
              </a:lnSpc>
              <a:spcBef>
                <a:spcPts val="919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pc="-5" dirty="0"/>
              <a:t>The</a:t>
            </a:r>
            <a:r>
              <a:rPr spc="5" dirty="0"/>
              <a:t> </a:t>
            </a:r>
            <a:r>
              <a:rPr spc="-5" dirty="0"/>
              <a:t>number</a:t>
            </a:r>
            <a:r>
              <a:rPr spc="20" dirty="0"/>
              <a:t> </a:t>
            </a:r>
            <a:r>
              <a:rPr dirty="0"/>
              <a:t>of</a:t>
            </a:r>
            <a:r>
              <a:rPr spc="5" dirty="0"/>
              <a:t> </a:t>
            </a:r>
            <a:r>
              <a:rPr spc="-5" dirty="0"/>
              <a:t>instructions</a:t>
            </a:r>
            <a:r>
              <a:rPr spc="25" dirty="0"/>
              <a:t> </a:t>
            </a:r>
            <a:r>
              <a:rPr spc="-5" dirty="0"/>
              <a:t>are</a:t>
            </a:r>
            <a:r>
              <a:rPr dirty="0"/>
              <a:t> </a:t>
            </a:r>
            <a:r>
              <a:rPr spc="-10" dirty="0"/>
              <a:t>more</a:t>
            </a:r>
            <a:r>
              <a:rPr spc="35" dirty="0"/>
              <a:t> </a:t>
            </a:r>
            <a:r>
              <a:rPr spc="-5" dirty="0"/>
              <a:t>and</a:t>
            </a:r>
            <a:r>
              <a:rPr spc="15" dirty="0"/>
              <a:t> </a:t>
            </a:r>
            <a:r>
              <a:rPr dirty="0"/>
              <a:t>of</a:t>
            </a:r>
            <a:r>
              <a:rPr spc="10" dirty="0"/>
              <a:t> </a:t>
            </a:r>
            <a:r>
              <a:rPr spc="-5" dirty="0"/>
              <a:t>variable</a:t>
            </a:r>
            <a:r>
              <a:rPr spc="10" dirty="0"/>
              <a:t> </a:t>
            </a:r>
            <a:r>
              <a:rPr spc="-5" dirty="0"/>
              <a:t>length.</a:t>
            </a:r>
            <a:endParaRPr sz="1750">
              <a:latin typeface="Lucida Sans Unicode"/>
              <a:cs typeface="Lucida Sans Unicode"/>
            </a:endParaRPr>
          </a:p>
          <a:p>
            <a:pPr marL="12700">
              <a:lnSpc>
                <a:spcPct val="100000"/>
              </a:lnSpc>
              <a:spcBef>
                <a:spcPts val="91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60">
                <a:solidFill>
                  <a:srgbClr val="B83C68"/>
                </a:solidFill>
                <a:latin typeface="Lucida Sans Unicode"/>
                <a:cs typeface="Lucida Sans Unicode"/>
              </a:rPr>
              <a:t>	</a:t>
            </a:r>
            <a:r>
              <a:rPr spc="-5" smtClean="0"/>
              <a:t>More</a:t>
            </a:r>
            <a:r>
              <a:rPr smtClean="0"/>
              <a:t> </a:t>
            </a:r>
            <a:r>
              <a:rPr spc="-5" smtClean="0"/>
              <a:t>number</a:t>
            </a:r>
            <a:r>
              <a:rPr spc="10" smtClean="0"/>
              <a:t> </a:t>
            </a:r>
            <a:r>
              <a:rPr spc="-5" smtClean="0"/>
              <a:t>of addressing modes.</a:t>
            </a:r>
            <a:endParaRPr sz="1750" smtClean="0">
              <a:latin typeface="Lucida Sans Unicode"/>
              <a:cs typeface="Lucida Sans Unicode"/>
            </a:endParaRPr>
          </a:p>
          <a:p>
            <a:pPr marL="12700">
              <a:lnSpc>
                <a:spcPct val="100000"/>
              </a:lnSpc>
              <a:spcBef>
                <a:spcPts val="925"/>
              </a:spcBef>
              <a:tabLst>
                <a:tab pos="354965" algn="l"/>
              </a:tabLst>
            </a:pPr>
            <a:r>
              <a:rPr sz="1750" spc="-160" smtClean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pc="-5" smtClean="0"/>
              <a:t>The</a:t>
            </a:r>
            <a:r>
              <a:rPr spc="35" smtClean="0"/>
              <a:t> </a:t>
            </a:r>
            <a:r>
              <a:rPr smtClean="0"/>
              <a:t>goal</a:t>
            </a:r>
            <a:r>
              <a:rPr spc="40" smtClean="0"/>
              <a:t> </a:t>
            </a:r>
            <a:r>
              <a:rPr spc="-5" smtClean="0"/>
              <a:t>is</a:t>
            </a:r>
            <a:r>
              <a:rPr spc="40" smtClean="0"/>
              <a:t> </a:t>
            </a:r>
            <a:r>
              <a:rPr spc="-5" smtClean="0"/>
              <a:t>to</a:t>
            </a:r>
            <a:r>
              <a:rPr spc="35" smtClean="0"/>
              <a:t> </a:t>
            </a:r>
            <a:r>
              <a:rPr spc="-5" smtClean="0"/>
              <a:t>reduce</a:t>
            </a:r>
            <a:r>
              <a:rPr spc="40" smtClean="0"/>
              <a:t> </a:t>
            </a:r>
            <a:r>
              <a:rPr spc="-5" smtClean="0"/>
              <a:t>the</a:t>
            </a:r>
            <a:r>
              <a:rPr spc="40" smtClean="0"/>
              <a:t> </a:t>
            </a:r>
            <a:r>
              <a:rPr spc="-5" smtClean="0"/>
              <a:t>size</a:t>
            </a:r>
            <a:r>
              <a:rPr spc="35" smtClean="0"/>
              <a:t> </a:t>
            </a:r>
            <a:r>
              <a:rPr smtClean="0"/>
              <a:t>of</a:t>
            </a:r>
            <a:r>
              <a:rPr spc="40" smtClean="0"/>
              <a:t> </a:t>
            </a:r>
            <a:r>
              <a:rPr spc="-5" smtClean="0"/>
              <a:t>the</a:t>
            </a:r>
            <a:r>
              <a:rPr spc="40" smtClean="0"/>
              <a:t> </a:t>
            </a:r>
            <a:r>
              <a:rPr spc="-5" smtClean="0"/>
              <a:t>compiled</a:t>
            </a:r>
            <a:r>
              <a:rPr spc="50" smtClean="0"/>
              <a:t> </a:t>
            </a:r>
            <a:r>
              <a:rPr smtClean="0"/>
              <a:t>program</a:t>
            </a:r>
            <a:r>
              <a:rPr spc="30" smtClean="0"/>
              <a:t> </a:t>
            </a:r>
            <a:r>
              <a:rPr spc="-5" smtClean="0"/>
              <a:t>and</a:t>
            </a:r>
            <a:r>
              <a:rPr spc="50" smtClean="0"/>
              <a:t> </a:t>
            </a:r>
            <a:r>
              <a:rPr spc="-5" smtClean="0"/>
              <a:t>to</a:t>
            </a:r>
            <a:r>
              <a:rPr spc="45" smtClean="0"/>
              <a:t> </a:t>
            </a:r>
            <a:r>
              <a:rPr spc="-5" smtClean="0"/>
              <a:t>improve </a:t>
            </a:r>
            <a:r>
              <a:rPr spc="-535" smtClean="0"/>
              <a:t> </a:t>
            </a:r>
            <a:r>
              <a:rPr spc="-5" smtClean="0"/>
              <a:t>the performance.</a:t>
            </a:r>
            <a:endParaRPr sz="1750" smtClean="0">
              <a:latin typeface="Lucida Sans Unicode"/>
              <a:cs typeface="Lucida Sans Unicode"/>
            </a:endParaRPr>
          </a:p>
          <a:p>
            <a:pPr marL="12700">
              <a:lnSpc>
                <a:spcPct val="100000"/>
              </a:lnSpc>
              <a:spcBef>
                <a:spcPts val="850"/>
              </a:spcBef>
              <a:tabLst>
                <a:tab pos="354965" algn="l"/>
              </a:tabLst>
            </a:pPr>
            <a:r>
              <a:rPr sz="1750" spc="-160" smtClean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	</a:t>
            </a:r>
            <a:r>
              <a:rPr spc="-5" dirty="0"/>
              <a:t>Algorithms</a:t>
            </a:r>
            <a:r>
              <a:rPr spc="15" dirty="0"/>
              <a:t> </a:t>
            </a:r>
            <a:r>
              <a:rPr spc="-5" dirty="0"/>
              <a:t>can</a:t>
            </a:r>
            <a:r>
              <a:rPr spc="10" dirty="0"/>
              <a:t> </a:t>
            </a:r>
            <a:r>
              <a:rPr spc="-5" dirty="0"/>
              <a:t>be</a:t>
            </a:r>
            <a:r>
              <a:rPr dirty="0"/>
              <a:t> </a:t>
            </a:r>
            <a:r>
              <a:rPr spc="-5" dirty="0"/>
              <a:t>expressed</a:t>
            </a:r>
            <a:r>
              <a:rPr spc="5" dirty="0"/>
              <a:t> </a:t>
            </a:r>
            <a:r>
              <a:rPr spc="-5" dirty="0"/>
              <a:t>in</a:t>
            </a:r>
            <a:r>
              <a:rPr dirty="0"/>
              <a:t> </a:t>
            </a:r>
            <a:r>
              <a:rPr spc="-10" dirty="0"/>
              <a:t>more</a:t>
            </a:r>
            <a:r>
              <a:rPr spc="30" dirty="0"/>
              <a:t> </a:t>
            </a:r>
            <a:r>
              <a:rPr spc="-5" dirty="0"/>
              <a:t>concise form.</a:t>
            </a:r>
            <a:endParaRPr sz="1750">
              <a:latin typeface="Lucida Sans Unicode"/>
              <a:cs typeface="Lucida Sans Unicode"/>
            </a:endParaRPr>
          </a:p>
          <a:p>
            <a:pPr marL="355600" marR="6985" indent="-342900">
              <a:lnSpc>
                <a:spcPts val="2560"/>
              </a:lnSpc>
              <a:spcBef>
                <a:spcPts val="108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pc="-5" dirty="0"/>
              <a:t>Because</a:t>
            </a:r>
            <a:r>
              <a:rPr spc="135" dirty="0"/>
              <a:t> </a:t>
            </a:r>
            <a:r>
              <a:rPr dirty="0"/>
              <a:t>of</a:t>
            </a:r>
            <a:r>
              <a:rPr spc="135" dirty="0"/>
              <a:t> </a:t>
            </a:r>
            <a:r>
              <a:rPr spc="-5" dirty="0"/>
              <a:t>the</a:t>
            </a:r>
            <a:r>
              <a:rPr spc="135" dirty="0"/>
              <a:t> </a:t>
            </a:r>
            <a:r>
              <a:rPr spc="-5" dirty="0"/>
              <a:t>limited</a:t>
            </a:r>
            <a:r>
              <a:rPr spc="145" dirty="0"/>
              <a:t> </a:t>
            </a:r>
            <a:r>
              <a:rPr spc="-5" dirty="0"/>
              <a:t>size</a:t>
            </a:r>
            <a:r>
              <a:rPr spc="140" dirty="0"/>
              <a:t> </a:t>
            </a:r>
            <a:r>
              <a:rPr dirty="0"/>
              <a:t>of</a:t>
            </a:r>
            <a:r>
              <a:rPr spc="135" dirty="0"/>
              <a:t> </a:t>
            </a:r>
            <a:r>
              <a:rPr spc="-5" dirty="0"/>
              <a:t>the</a:t>
            </a:r>
            <a:r>
              <a:rPr spc="135" dirty="0"/>
              <a:t> </a:t>
            </a:r>
            <a:r>
              <a:rPr spc="-5" dirty="0"/>
              <a:t>compiled</a:t>
            </a:r>
            <a:r>
              <a:rPr spc="150" dirty="0"/>
              <a:t> </a:t>
            </a:r>
            <a:r>
              <a:rPr spc="-5" dirty="0"/>
              <a:t>program,</a:t>
            </a:r>
            <a:r>
              <a:rPr spc="160" dirty="0"/>
              <a:t> </a:t>
            </a:r>
            <a:r>
              <a:rPr spc="-5" dirty="0"/>
              <a:t>the</a:t>
            </a:r>
            <a:r>
              <a:rPr spc="135" dirty="0"/>
              <a:t> </a:t>
            </a:r>
            <a:r>
              <a:rPr spc="-5" dirty="0"/>
              <a:t>requirement </a:t>
            </a:r>
            <a:r>
              <a:rPr spc="-535" dirty="0"/>
              <a:t> </a:t>
            </a:r>
            <a:r>
              <a:rPr spc="-5" dirty="0"/>
              <a:t>for</a:t>
            </a:r>
            <a:r>
              <a:rPr dirty="0"/>
              <a:t> </a:t>
            </a:r>
            <a:r>
              <a:rPr spc="-10" dirty="0"/>
              <a:t>main</a:t>
            </a:r>
            <a:r>
              <a:rPr spc="35" dirty="0"/>
              <a:t> </a:t>
            </a:r>
            <a:r>
              <a:rPr spc="-10" dirty="0"/>
              <a:t>memory</a:t>
            </a:r>
            <a:r>
              <a:rPr spc="45" dirty="0"/>
              <a:t> </a:t>
            </a:r>
            <a:r>
              <a:rPr spc="-5" dirty="0"/>
              <a:t>is also</a:t>
            </a:r>
            <a:r>
              <a:rPr dirty="0"/>
              <a:t> </a:t>
            </a:r>
            <a:r>
              <a:rPr spc="-5" dirty="0"/>
              <a:t>small.</a:t>
            </a:r>
            <a:endParaRPr sz="1750">
              <a:latin typeface="Lucida Sans Unicode"/>
              <a:cs typeface="Lucida Sans Unicode"/>
            </a:endParaRPr>
          </a:p>
        </p:txBody>
      </p:sp>
    </p:spTree>
  </p:cSld>
  <p:clrMapOvr>
    <a:masterClrMapping/>
  </p:clrMapOvr>
</p:sld>
</file>

<file path=ppt/slides/slide7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233932" y="1126671"/>
            <a:ext cx="9377045" cy="4284506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>
              <a:lnSpc>
                <a:spcPct val="1068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sser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2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25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200" spc="2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2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iled</a:t>
            </a:r>
            <a:r>
              <a:rPr sz="2200" spc="2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,</a:t>
            </a:r>
            <a:r>
              <a:rPr sz="2200" spc="2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sser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2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pend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 fetch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reases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considerably.</a:t>
            </a:r>
            <a:endParaRPr sz="2200">
              <a:latin typeface="Times New Roman"/>
              <a:cs typeface="Times New Roman"/>
            </a:endParaRPr>
          </a:p>
          <a:p>
            <a:pPr marL="355600" marR="5715" indent="-342900">
              <a:lnSpc>
                <a:spcPct val="1068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However,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highly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fficient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iler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powerful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frequently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ence,</a:t>
            </a:r>
            <a:r>
              <a:rPr sz="22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22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software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(compiler)</a:t>
            </a:r>
            <a:r>
              <a:rPr sz="2200" spc="4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comes</a:t>
            </a:r>
            <a:r>
              <a:rPr sz="2200" spc="4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huge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4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rder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4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180"/>
              </a:spcBef>
            </a:pP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small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bject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de.</a:t>
            </a:r>
            <a:endParaRPr sz="2200">
              <a:latin typeface="Times New Roman"/>
              <a:cs typeface="Times New Roman"/>
            </a:endParaRPr>
          </a:p>
          <a:p>
            <a:pPr marL="355600" marR="6350" indent="-342900">
              <a:lnSpc>
                <a:spcPct val="106800"/>
              </a:lnSpc>
              <a:spcBef>
                <a:spcPts val="101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igh</a:t>
            </a:r>
            <a:r>
              <a:rPr sz="2200" spc="4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vel</a:t>
            </a:r>
            <a:r>
              <a:rPr sz="22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atements</a:t>
            </a:r>
            <a:r>
              <a:rPr sz="2200" spc="3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200" spc="4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lemented</a:t>
            </a:r>
            <a:r>
              <a:rPr sz="2200" spc="4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3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200" spc="40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using</a:t>
            </a:r>
            <a:r>
              <a:rPr sz="2200" spc="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2200" spc="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oding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s.</a:t>
            </a:r>
            <a:r>
              <a:rPr sz="22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us,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mphasi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given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hardware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ample: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torol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68000,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DEC</a:t>
            </a:r>
            <a:r>
              <a:rPr sz="22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80" dirty="0">
                <a:solidFill>
                  <a:srgbClr val="404040"/>
                </a:solidFill>
                <a:latin typeface="Times New Roman"/>
                <a:cs typeface="Times New Roman"/>
              </a:rPr>
              <a:t>VAX,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BM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370,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Intel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ntium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tc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4334111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95" dirty="0">
                <a:latin typeface="Verdana"/>
                <a:cs typeface="Verdana"/>
              </a:rPr>
              <a:t>Advanta</a:t>
            </a:r>
            <a:r>
              <a:rPr sz="3600" spc="105" dirty="0">
                <a:latin typeface="Verdana"/>
                <a:cs typeface="Verdana"/>
              </a:rPr>
              <a:t>g</a:t>
            </a:r>
            <a:r>
              <a:rPr sz="3600" spc="-145" dirty="0">
                <a:latin typeface="Verdana"/>
                <a:cs typeface="Verdana"/>
              </a:rPr>
              <a:t>e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639316" y="2324760"/>
            <a:ext cx="8777605" cy="424815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>
              <a:lnSpc>
                <a:spcPct val="106800"/>
              </a:lnSpc>
              <a:spcBef>
                <a:spcPts val="10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esence</a:t>
            </a:r>
            <a:r>
              <a:rPr sz="22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varieties</a:t>
            </a:r>
            <a:r>
              <a:rPr sz="22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,</a:t>
            </a:r>
            <a:r>
              <a:rPr sz="22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variable</a:t>
            </a:r>
            <a:r>
              <a:rPr sz="2200" spc="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ngth</a:t>
            </a:r>
            <a:r>
              <a:rPr sz="2200" spc="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,</a:t>
            </a:r>
            <a:r>
              <a:rPr sz="22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and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de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ease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ask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iler</a:t>
            </a:r>
            <a:r>
              <a:rPr sz="22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writ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roved</a:t>
            </a:r>
            <a:r>
              <a:rPr sz="2200" spc="3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200" spc="3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efficiency,</a:t>
            </a:r>
            <a:r>
              <a:rPr sz="2200" spc="3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ecause</a:t>
            </a:r>
            <a:r>
              <a:rPr sz="2200" spc="3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2200" spc="3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equence</a:t>
            </a:r>
            <a:r>
              <a:rPr sz="2200" spc="3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3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s</a:t>
            </a:r>
            <a:endParaRPr sz="22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  <a:spcBef>
                <a:spcPts val="180"/>
              </a:spcBef>
            </a:pP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an be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lemented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icrocode.</a:t>
            </a:r>
            <a:endParaRPr sz="2200">
              <a:latin typeface="Times New Roman"/>
              <a:cs typeface="Times New Roman"/>
            </a:endParaRPr>
          </a:p>
          <a:p>
            <a:pPr marL="355600" marR="5715" indent="-342900">
              <a:lnSpc>
                <a:spcPct val="106800"/>
              </a:lnSpc>
              <a:spcBef>
                <a:spcPts val="1010"/>
              </a:spcBef>
              <a:tabLst>
                <a:tab pos="354965" algn="l"/>
                <a:tab pos="1484630" algn="l"/>
                <a:tab pos="2473960" algn="l"/>
                <a:tab pos="2950845" algn="l"/>
                <a:tab pos="3629660" algn="l"/>
                <a:tab pos="4353560" algn="l"/>
                <a:tab pos="5467350" algn="l"/>
                <a:tab pos="6022340" algn="l"/>
                <a:tab pos="7630159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vide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pp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t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ve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plex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ticated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i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-l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v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l  language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s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re shorte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fast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ewer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ans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ewe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ytes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fetched.</a:t>
            </a:r>
            <a:endParaRPr sz="2200">
              <a:latin typeface="Times New Roman"/>
              <a:cs typeface="Times New Roman"/>
            </a:endParaRPr>
          </a:p>
          <a:p>
            <a:pPr marL="355600" marR="6985" indent="-342900">
              <a:lnSpc>
                <a:spcPct val="106800"/>
              </a:lnSpc>
              <a:spcBef>
                <a:spcPts val="101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ing</a:t>
            </a:r>
            <a:r>
              <a:rPr sz="22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nvironment,</a:t>
            </a:r>
            <a:r>
              <a:rPr sz="22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maller</a:t>
            </a:r>
            <a:r>
              <a:rPr sz="22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s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ccupy</a:t>
            </a:r>
            <a:r>
              <a:rPr sz="22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ewer</a:t>
            </a:r>
            <a:r>
              <a:rPr sz="22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s,</a:t>
            </a:r>
            <a:r>
              <a:rPr sz="22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ducing </a:t>
            </a:r>
            <a:r>
              <a:rPr sz="2200" spc="-5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aults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06098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5" dirty="0">
                <a:latin typeface="Verdana"/>
                <a:cs typeface="Verdana"/>
              </a:rPr>
              <a:t>Disadvantage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233932" y="1926771"/>
            <a:ext cx="9571355" cy="4488408"/>
          </a:xfrm>
          <a:prstGeom prst="rect">
            <a:avLst/>
          </a:prstGeom>
        </p:spPr>
        <p:txBody>
          <a:bodyPr vert="horz" wrap="square" lIns="0" tIns="27940" rIns="0" bIns="0" rtlCol="0">
            <a:spAutoFit/>
          </a:bodyPr>
          <a:lstStyle/>
          <a:p>
            <a:pPr marL="355600" marR="5715" indent="-342900">
              <a:lnSpc>
                <a:spcPts val="1980"/>
              </a:lnSpc>
              <a:spcBef>
                <a:spcPts val="220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17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unit</a:t>
            </a:r>
            <a:r>
              <a:rPr sz="17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esign</a:t>
            </a:r>
            <a:r>
              <a:rPr sz="17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(mainly</a:t>
            </a:r>
            <a:r>
              <a:rPr sz="17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17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ecoding)</a:t>
            </a:r>
            <a:r>
              <a:rPr sz="17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becomes</a:t>
            </a:r>
            <a:r>
              <a:rPr sz="17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17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since</a:t>
            </a:r>
            <a:r>
              <a:rPr sz="17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17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set</a:t>
            </a:r>
            <a:r>
              <a:rPr sz="1700" spc="11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7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 </a:t>
            </a:r>
            <a:r>
              <a:rPr sz="1700" spc="-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 heavily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encoded</a:t>
            </a:r>
            <a:r>
              <a:rPr sz="17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.</a:t>
            </a:r>
            <a:endParaRPr sz="1700">
              <a:latin typeface="Times New Roman"/>
              <a:cs typeface="Times New Roman"/>
            </a:endParaRPr>
          </a:p>
          <a:p>
            <a:pPr marL="355600" marR="5715" indent="-342900">
              <a:lnSpc>
                <a:spcPts val="1980"/>
              </a:lnSpc>
              <a:spcBef>
                <a:spcPts val="994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here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7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lot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ry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ue</a:t>
            </a:r>
            <a:r>
              <a:rPr sz="17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complexity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r>
              <a:rPr sz="1700" spc="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creases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cost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1700" spc="-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system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well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s power</a:t>
            </a:r>
            <a:r>
              <a:rPr sz="17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onsumption.</a:t>
            </a:r>
            <a:endParaRPr sz="1700">
              <a:latin typeface="Times New Roman"/>
              <a:cs typeface="Times New Roman"/>
            </a:endParaRPr>
          </a:p>
          <a:p>
            <a:pPr marL="355600" marR="5715" indent="-342900">
              <a:lnSpc>
                <a:spcPts val="1980"/>
              </a:lnSpc>
              <a:spcBef>
                <a:spcPts val="1000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Du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creased</a:t>
            </a:r>
            <a:r>
              <a:rPr sz="17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s,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propagation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elays</a:t>
            </a:r>
            <a:r>
              <a:rPr sz="17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more,</a:t>
            </a:r>
            <a:r>
              <a:rPr sz="17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7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ycle</a:t>
            </a:r>
            <a:r>
              <a:rPr sz="17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7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hence,</a:t>
            </a:r>
            <a:r>
              <a:rPr sz="17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1700" spc="-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effective</a:t>
            </a:r>
            <a:r>
              <a:rPr sz="17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lock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speed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reduced.</a:t>
            </a:r>
            <a:endParaRPr sz="17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880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heavy</a:t>
            </a:r>
            <a:r>
              <a:rPr sz="17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17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prone</a:t>
            </a:r>
            <a:r>
              <a:rPr sz="17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frequent</a:t>
            </a:r>
            <a:r>
              <a:rPr sz="17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failures.</a:t>
            </a:r>
            <a:endParaRPr sz="17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44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roubleshooting and</a:t>
            </a:r>
            <a:r>
              <a:rPr sz="17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detecting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 fault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17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big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ask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ue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presence</a:t>
            </a:r>
            <a:r>
              <a:rPr sz="17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 circuits.</a:t>
            </a:r>
            <a:endParaRPr sz="1700">
              <a:latin typeface="Times New Roman"/>
              <a:cs typeface="Times New Roman"/>
            </a:endParaRPr>
          </a:p>
          <a:p>
            <a:pPr marL="12700">
              <a:lnSpc>
                <a:spcPts val="2010"/>
              </a:lnSpc>
              <a:spcBef>
                <a:spcPts val="935"/>
              </a:spcBef>
              <a:tabLst>
                <a:tab pos="354965" algn="l"/>
              </a:tabLst>
            </a:pPr>
            <a:r>
              <a:rPr sz="1350" spc="-12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hese</a:t>
            </a:r>
            <a:r>
              <a:rPr sz="17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x</a:t>
            </a:r>
            <a:r>
              <a:rPr sz="17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17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s</a:t>
            </a:r>
            <a:r>
              <a:rPr sz="17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ete</a:t>
            </a:r>
            <a:r>
              <a:rPr sz="17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7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space</a:t>
            </a:r>
            <a:r>
              <a:rPr sz="17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with</a:t>
            </a:r>
            <a:r>
              <a:rPr sz="1700" spc="2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1700" spc="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s</a:t>
            </a:r>
            <a:r>
              <a:rPr sz="1700" spc="20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leading</a:t>
            </a:r>
            <a:r>
              <a:rPr sz="17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2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duction</a:t>
            </a:r>
            <a:r>
              <a:rPr sz="17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700" spc="2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endParaRPr sz="1700">
              <a:latin typeface="Times New Roman"/>
              <a:cs typeface="Times New Roman"/>
            </a:endParaRPr>
          </a:p>
          <a:p>
            <a:pPr marL="355600">
              <a:lnSpc>
                <a:spcPts val="2010"/>
              </a:lnSpc>
            </a:pP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-purpose</a:t>
            </a:r>
            <a:r>
              <a:rPr sz="17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s.</a:t>
            </a:r>
            <a:endParaRPr sz="1700">
              <a:latin typeface="Times New Roman"/>
              <a:cs typeface="Times New Roman"/>
            </a:endParaRPr>
          </a:p>
          <a:p>
            <a:pPr marL="355600" marR="7620" indent="-342900">
              <a:lnSpc>
                <a:spcPts val="1980"/>
              </a:lnSpc>
              <a:spcBef>
                <a:spcPts val="1055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duction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17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-purpose</a:t>
            </a:r>
            <a:r>
              <a:rPr sz="1700" spc="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s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leads</a:t>
            </a:r>
            <a:r>
              <a:rPr sz="17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17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-to-memory</a:t>
            </a:r>
            <a:r>
              <a:rPr sz="1700" spc="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operations</a:t>
            </a:r>
            <a:r>
              <a:rPr sz="17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which </a:t>
            </a:r>
            <a:r>
              <a:rPr sz="1700" spc="-409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creases</a:t>
            </a:r>
            <a:r>
              <a:rPr sz="17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average</a:t>
            </a:r>
            <a:r>
              <a:rPr sz="17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lock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cycles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required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complete an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17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execution.</a:t>
            </a:r>
            <a:endParaRPr sz="1700">
              <a:latin typeface="Times New Roman"/>
              <a:cs typeface="Times New Roman"/>
            </a:endParaRPr>
          </a:p>
          <a:p>
            <a:pPr marL="12700">
              <a:lnSpc>
                <a:spcPts val="2010"/>
              </a:lnSpc>
              <a:spcBef>
                <a:spcPts val="880"/>
              </a:spcBef>
              <a:tabLst>
                <a:tab pos="354965" algn="l"/>
              </a:tabLst>
            </a:pPr>
            <a:r>
              <a:rPr sz="1350" spc="-13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Not</a:t>
            </a:r>
            <a:r>
              <a:rPr sz="1700" spc="3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suitable</a:t>
            </a:r>
            <a:r>
              <a:rPr sz="17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1700" spc="3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mplementation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due</a:t>
            </a:r>
            <a:r>
              <a:rPr sz="1700" spc="3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presence</a:t>
            </a:r>
            <a:r>
              <a:rPr sz="17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17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variable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length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1700" spc="3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1700" spc="3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balancing</a:t>
            </a:r>
            <a:endParaRPr sz="1700">
              <a:latin typeface="Times New Roman"/>
              <a:cs typeface="Times New Roman"/>
            </a:endParaRPr>
          </a:p>
          <a:p>
            <a:pPr marL="355600">
              <a:lnSpc>
                <a:spcPts val="2010"/>
              </a:lnSpc>
            </a:pPr>
            <a:r>
              <a:rPr sz="17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stages</a:t>
            </a:r>
            <a:r>
              <a:rPr sz="17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dirty="0">
                <a:solidFill>
                  <a:srgbClr val="404040"/>
                </a:solidFill>
                <a:latin typeface="Times New Roman"/>
                <a:cs typeface="Times New Roman"/>
              </a:rPr>
              <a:t>becomes</a:t>
            </a:r>
            <a:r>
              <a:rPr sz="17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1700" spc="-10" dirty="0">
                <a:solidFill>
                  <a:srgbClr val="404040"/>
                </a:solidFill>
                <a:latin typeface="Times New Roman"/>
                <a:cs typeface="Times New Roman"/>
              </a:rPr>
              <a:t>difficult.</a:t>
            </a:r>
            <a:endParaRPr sz="17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509768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320" dirty="0">
                <a:latin typeface="Verdana"/>
                <a:cs typeface="Verdana"/>
              </a:rPr>
              <a:t>RISC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123694" y="1730829"/>
            <a:ext cx="7716520" cy="4456989"/>
          </a:xfrm>
          <a:prstGeom prst="rect">
            <a:avLst/>
          </a:prstGeom>
        </p:spPr>
        <p:txBody>
          <a:bodyPr vert="horz" wrap="square" lIns="0" tIns="10858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5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con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pproach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llow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different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yp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chitecture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>
              <a:lnSpc>
                <a:spcPts val="2160"/>
              </a:lnSpc>
              <a:spcBef>
                <a:spcPts val="102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0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0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bserved</a:t>
            </a:r>
            <a:r>
              <a:rPr sz="20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17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sually</a:t>
            </a:r>
            <a:r>
              <a:rPr sz="2000" spc="1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80%</a:t>
            </a:r>
            <a:r>
              <a:rPr sz="20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1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spc="1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less</a:t>
            </a:r>
            <a:r>
              <a:rPr sz="2000" spc="17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frequently </a:t>
            </a:r>
            <a:r>
              <a:rPr sz="2000" spc="-484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20%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tim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4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20%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requently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80%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tim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55"/>
              </a:spcBef>
              <a:tabLst>
                <a:tab pos="355600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Keeping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oin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ISC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chitecture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s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ee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velope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2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impl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3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Small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et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2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ength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main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sam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2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ingl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lock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ycl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ecution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4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Large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gisters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ori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nds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919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mphasi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register-to-register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tion.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7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594485" y="1175658"/>
            <a:ext cx="9410972" cy="4512133"/>
          </a:xfrm>
          <a:prstGeom prst="rect">
            <a:avLst/>
          </a:prstGeom>
        </p:spPr>
        <p:txBody>
          <a:bodyPr vert="horz" wrap="square" lIns="0" tIns="9969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785"/>
              </a:spcBef>
              <a:tabLst>
                <a:tab pos="355600" algn="l"/>
              </a:tabLst>
            </a:pPr>
            <a:r>
              <a:rPr sz="1600" spc="-155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ferences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0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limited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loa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 store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f a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nd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8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duced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s.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akes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coding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easy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70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mos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ll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egister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</a:t>
            </a:r>
            <a:r>
              <a:rPr sz="20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xcept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load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tor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ts val="2245"/>
              </a:lnSpc>
              <a:spcBef>
                <a:spcPts val="68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itional</a:t>
            </a:r>
            <a:r>
              <a:rPr sz="20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000" spc="1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s</a:t>
            </a:r>
            <a:r>
              <a:rPr sz="20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like</a:t>
            </a:r>
            <a:r>
              <a:rPr sz="20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mplied</a:t>
            </a:r>
            <a:r>
              <a:rPr sz="20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r>
              <a:rPr sz="2000" spc="1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immediate</a:t>
            </a:r>
            <a:r>
              <a:rPr sz="20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ing</a:t>
            </a:r>
            <a:r>
              <a:rPr sz="20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de</a:t>
            </a:r>
            <a:r>
              <a:rPr sz="20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may</a:t>
            </a:r>
            <a:r>
              <a:rPr sz="2000" spc="1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endParaRPr sz="2000">
              <a:latin typeface="Times New Roman"/>
              <a:cs typeface="Times New Roman"/>
            </a:endParaRPr>
          </a:p>
          <a:p>
            <a:pPr marL="355600">
              <a:lnSpc>
                <a:spcPts val="2245"/>
              </a:lnSpc>
            </a:pP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cluded.</a:t>
            </a:r>
            <a:endParaRPr sz="2000">
              <a:latin typeface="Times New Roman"/>
              <a:cs typeface="Times New Roman"/>
            </a:endParaRPr>
          </a:p>
          <a:p>
            <a:pPr marL="355600" marR="5080" indent="-343535">
              <a:lnSpc>
                <a:spcPts val="2090"/>
              </a:lnSpc>
              <a:spcBef>
                <a:spcPts val="1015"/>
              </a:spcBef>
              <a:tabLst>
                <a:tab pos="355600" algn="l"/>
                <a:tab pos="1486535" algn="l"/>
                <a:tab pos="2371725" algn="l"/>
                <a:tab pos="2865755" algn="l"/>
                <a:tab pos="3248660" algn="l"/>
                <a:tab pos="4403725" algn="l"/>
                <a:tab pos="4754245" algn="l"/>
                <a:tab pos="5290820" algn="l"/>
                <a:tab pos="5642610" algn="l"/>
                <a:tab pos="6095365" algn="l"/>
                <a:tab pos="6731000" algn="l"/>
                <a:tab pos="7372984" algn="l"/>
                <a:tab pos="796417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codi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g	c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its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	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b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e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t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g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	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	p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t	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	the	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U	ch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.	Th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	en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bles 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0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decoding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faster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8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Suitable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0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rocessing.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mphasis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n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optimizing</a:t>
            </a:r>
            <a:r>
              <a:rPr sz="20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instruction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ipeline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8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o operation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combine LOAD/STOR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with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arithmetic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0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No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than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one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-addressed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operand</a:t>
            </a:r>
            <a:r>
              <a:rPr sz="20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er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 instruction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9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Hardwired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rather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than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microprogrammed</a:t>
            </a:r>
            <a:r>
              <a:rPr sz="20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0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unit.</a:t>
            </a:r>
            <a:endParaRPr sz="20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85"/>
              </a:spcBef>
              <a:tabLst>
                <a:tab pos="355600" algn="l"/>
              </a:tabLst>
            </a:pPr>
            <a:r>
              <a:rPr sz="160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000" spc="-5" dirty="0">
                <a:solidFill>
                  <a:srgbClr val="404040"/>
                </a:solidFill>
                <a:latin typeface="Times New Roman"/>
                <a:cs typeface="Times New Roman"/>
              </a:rPr>
              <a:t>Example: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Motorola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88000,</a:t>
            </a:r>
            <a:r>
              <a:rPr sz="20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ntel</a:t>
            </a:r>
            <a:r>
              <a:rPr sz="20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i860,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ower</a:t>
            </a:r>
            <a:r>
              <a:rPr sz="20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000" dirty="0">
                <a:solidFill>
                  <a:srgbClr val="404040"/>
                </a:solidFill>
                <a:latin typeface="Times New Roman"/>
                <a:cs typeface="Times New Roman"/>
              </a:rPr>
              <a:t>PC</a:t>
            </a:r>
            <a:endParaRPr sz="20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7632482" cy="566822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55" dirty="0">
                <a:latin typeface="Verdana"/>
                <a:cs typeface="Verdana"/>
              </a:rPr>
              <a:t>Acces</a:t>
            </a:r>
            <a:r>
              <a:rPr sz="3600" spc="40" dirty="0">
                <a:latin typeface="Verdana"/>
                <a:cs typeface="Verdana"/>
              </a:rPr>
              <a:t>s</a:t>
            </a:r>
            <a:r>
              <a:rPr sz="3600" spc="-60" dirty="0">
                <a:latin typeface="Verdana"/>
                <a:cs typeface="Verdana"/>
              </a:rPr>
              <a:t>in</a:t>
            </a:r>
            <a:r>
              <a:rPr sz="3600" spc="-70" dirty="0">
                <a:latin typeface="Verdana"/>
                <a:cs typeface="Verdana"/>
              </a:rPr>
              <a:t>g</a:t>
            </a:r>
            <a:r>
              <a:rPr sz="3600" spc="-250" dirty="0">
                <a:latin typeface="Verdana"/>
                <a:cs typeface="Verdana"/>
              </a:rPr>
              <a:t> </a:t>
            </a:r>
            <a:r>
              <a:rPr sz="3600" spc="-130" dirty="0">
                <a:latin typeface="Verdana"/>
                <a:cs typeface="Verdana"/>
              </a:rPr>
              <a:t>I/</a:t>
            </a:r>
            <a:r>
              <a:rPr sz="3600" spc="-225" dirty="0">
                <a:latin typeface="Verdana"/>
                <a:cs typeface="Verdana"/>
              </a:rPr>
              <a:t>O</a:t>
            </a:r>
            <a:r>
              <a:rPr sz="3600" spc="-270" dirty="0">
                <a:latin typeface="Verdana"/>
                <a:cs typeface="Verdana"/>
              </a:rPr>
              <a:t> </a:t>
            </a:r>
            <a:r>
              <a:rPr sz="3600" spc="-110" dirty="0">
                <a:latin typeface="Verdana"/>
                <a:cs typeface="Verdana"/>
              </a:rPr>
              <a:t>D</a:t>
            </a:r>
            <a:r>
              <a:rPr sz="3600" spc="-10" dirty="0">
                <a:latin typeface="Verdana"/>
                <a:cs typeface="Verdana"/>
              </a:rPr>
              <a:t>evice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418336" y="2152316"/>
            <a:ext cx="8990965" cy="4536440"/>
          </a:xfrm>
          <a:prstGeom prst="rect">
            <a:avLst/>
          </a:prstGeom>
        </p:spPr>
        <p:txBody>
          <a:bodyPr vert="horz" wrap="square" lIns="0" tIns="10287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810"/>
              </a:spcBef>
              <a:tabLst>
                <a:tab pos="355600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Generally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4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s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devices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r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nect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computer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3535">
              <a:lnSpc>
                <a:spcPts val="2590"/>
              </a:lnSpc>
              <a:spcBef>
                <a:spcPts val="1040"/>
              </a:spcBef>
              <a:tabLst>
                <a:tab pos="355600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,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me</a:t>
            </a:r>
            <a:r>
              <a:rPr sz="2400" spc="1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ans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have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rovided</a:t>
            </a:r>
            <a:r>
              <a:rPr sz="2400" spc="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y</a:t>
            </a:r>
            <a:r>
              <a:rPr sz="2400" spc="9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hich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400" spc="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ular</a:t>
            </a:r>
            <a:r>
              <a:rPr sz="2400" spc="1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2400" spc="8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an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elected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articipate</a:t>
            </a:r>
            <a:r>
              <a:rPr sz="2400" spc="-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 given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peration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685"/>
              </a:spcBef>
              <a:tabLst>
                <a:tab pos="355600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be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complished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rough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use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an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 bu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rrangement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ts val="2735"/>
              </a:lnSpc>
              <a:spcBef>
                <a:spcPts val="705"/>
              </a:spcBef>
              <a:tabLst>
                <a:tab pos="355600" algn="l"/>
                <a:tab pos="890269" algn="l"/>
                <a:tab pos="1442085" algn="l"/>
                <a:tab pos="1774189" algn="l"/>
                <a:tab pos="2273935" algn="l"/>
                <a:tab pos="2826385" algn="l"/>
                <a:tab pos="3192145" algn="l"/>
                <a:tab pos="4496435" algn="l"/>
                <a:tab pos="5029835" algn="l"/>
                <a:tab pos="6072505" algn="l"/>
                <a:tab pos="7933690" algn="l"/>
                <a:tab pos="8621395" algn="l"/>
              </a:tabLst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/O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	is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he	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u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	to	w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h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ch </a:t>
            </a:r>
            <a:r>
              <a:rPr sz="2400" spc="-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ll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I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/O	devices	are </a:t>
            </a:r>
            <a:r>
              <a:rPr sz="2400" spc="-2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n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c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ed	used	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f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r</a:t>
            </a:r>
            <a:endParaRPr sz="2400">
              <a:latin typeface="Times New Roman"/>
              <a:cs typeface="Times New Roman"/>
            </a:endParaRPr>
          </a:p>
          <a:p>
            <a:pPr marL="355600">
              <a:lnSpc>
                <a:spcPts val="2735"/>
              </a:lnSpc>
            </a:pP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ddress,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ata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ntrol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ignals.</a:t>
            </a:r>
            <a:endParaRPr sz="2400">
              <a:latin typeface="Times New Roman"/>
              <a:cs typeface="Times New Roman"/>
            </a:endParaRPr>
          </a:p>
          <a:p>
            <a:pPr marL="355600" marR="5080" indent="-343535" algn="just">
              <a:lnSpc>
                <a:spcPts val="2590"/>
              </a:lnSpc>
              <a:spcBef>
                <a:spcPts val="1035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Each</a:t>
            </a:r>
            <a:r>
              <a:rPr sz="2400" spc="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 assigned an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dentifying</a:t>
            </a:r>
            <a:r>
              <a:rPr sz="2400" spc="5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ode or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400" spc="5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o that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can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selec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articular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by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placing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400" spc="5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addres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ine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69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nly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24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at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cognizes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s</a:t>
            </a:r>
            <a:r>
              <a:rPr sz="2400" spc="-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responds to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CPU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7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2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called</a:t>
            </a:r>
            <a:r>
              <a:rPr sz="2400" spc="-3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/O</a:t>
            </a:r>
            <a:r>
              <a:rPr sz="2400" spc="-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apped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/O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8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4872954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95" dirty="0">
                <a:latin typeface="Verdana"/>
                <a:cs typeface="Verdana"/>
              </a:rPr>
              <a:t>Advanta</a:t>
            </a:r>
            <a:r>
              <a:rPr sz="3600" spc="105" dirty="0">
                <a:latin typeface="Verdana"/>
                <a:cs typeface="Verdana"/>
              </a:rPr>
              <a:t>g</a:t>
            </a:r>
            <a:r>
              <a:rPr sz="3600" spc="-145" dirty="0">
                <a:latin typeface="Verdana"/>
                <a:cs typeface="Verdana"/>
              </a:rPr>
              <a:t>e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1555496" y="1845129"/>
            <a:ext cx="9160510" cy="3949158"/>
          </a:xfrm>
          <a:prstGeom prst="rect">
            <a:avLst/>
          </a:prstGeom>
        </p:spPr>
        <p:txBody>
          <a:bodyPr vert="horz" wrap="square" lIns="0" tIns="16192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27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esenc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f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mpl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kes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ow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ycles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er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7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duced instructions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a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s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hardwar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ircuit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pac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vailabl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fo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l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urpose registers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fast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ore operands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ca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stored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 registers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7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es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6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eferences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will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b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nerated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making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xecution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fast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9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mple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mat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mplify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ntrol unit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uitabl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or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mplementation</a:t>
            </a:r>
            <a:r>
              <a:rPr sz="22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and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asie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balanc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ipelin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ages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8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1233932" y="1029715"/>
            <a:ext cx="5493439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3600" spc="-25" dirty="0">
                <a:latin typeface="Verdana"/>
                <a:cs typeface="Verdana"/>
              </a:rPr>
              <a:t>Disadvantages</a:t>
            </a:r>
            <a:endParaRPr sz="3600">
              <a:latin typeface="Verdana"/>
              <a:cs typeface="Verdana"/>
            </a:endParaRPr>
          </a:p>
        </p:txBody>
      </p:sp>
      <p:sp>
        <p:nvSpPr>
          <p:cNvPr id="3" name="object 3"/>
          <p:cNvSpPr txBox="1"/>
          <p:nvPr/>
        </p:nvSpPr>
        <p:spPr>
          <a:xfrm>
            <a:off x="2520188" y="2269671"/>
            <a:ext cx="8517926" cy="2340384"/>
          </a:xfrm>
          <a:prstGeom prst="rect">
            <a:avLst/>
          </a:prstGeom>
        </p:spPr>
        <p:txBody>
          <a:bodyPr vert="horz" wrap="square" lIns="0" tIns="16256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28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mple</a:t>
            </a:r>
            <a:r>
              <a:rPr sz="2200" spc="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structions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ake</a:t>
            </a:r>
            <a:r>
              <a:rPr sz="2200" spc="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cod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ize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larger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0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instructio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bytes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b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fetched.</a:t>
            </a:r>
            <a:endParaRPr sz="22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spcBef>
                <a:spcPts val="1185"/>
              </a:spcBef>
              <a:tabLst>
                <a:tab pos="35496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200" spc="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pace required</a:t>
            </a:r>
            <a:r>
              <a:rPr sz="2200" spc="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tor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gram.</a:t>
            </a:r>
            <a:endParaRPr sz="2200">
              <a:latin typeface="Times New Roman"/>
              <a:cs typeface="Times New Roman"/>
            </a:endParaRPr>
          </a:p>
          <a:p>
            <a:pPr marL="355600" marR="5080" indent="-342900">
              <a:lnSpc>
                <a:spcPct val="106900"/>
              </a:lnSpc>
              <a:spcBef>
                <a:spcPts val="1005"/>
              </a:spcBef>
              <a:tabLst>
                <a:tab pos="354965" algn="l"/>
                <a:tab pos="762635" algn="l"/>
                <a:tab pos="1059815" algn="l"/>
                <a:tab pos="1993900" algn="l"/>
                <a:tab pos="3650615" algn="l"/>
                <a:tab pos="4470400" algn="l"/>
                <a:tab pos="5699125" algn="l"/>
              </a:tabLst>
            </a:pPr>
            <a:r>
              <a:rPr sz="1750" spc="-160" dirty="0">
                <a:solidFill>
                  <a:srgbClr val="B83C68"/>
                </a:solidFill>
                <a:latin typeface="Lucida Sans Unicode"/>
                <a:cs typeface="Lucida Sans Unicode"/>
              </a:rPr>
              <a:t>▶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	a	pa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g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g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n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v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spc="-20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e</a:t>
            </a:r>
            <a:r>
              <a:rPr sz="2200" spc="5" dirty="0">
                <a:solidFill>
                  <a:srgbClr val="404040"/>
                </a:solidFill>
                <a:latin typeface="Times New Roman"/>
                <a:cs typeface="Times New Roman"/>
              </a:rPr>
              <a:t>n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t,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la</a:t>
            </a:r>
            <a:r>
              <a:rPr sz="2200" spc="-4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ge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ro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g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r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a</a:t>
            </a:r>
            <a:r>
              <a:rPr sz="2200" spc="-25" dirty="0">
                <a:solidFill>
                  <a:srgbClr val="404040"/>
                </a:solidFill>
                <a:latin typeface="Times New Roman"/>
                <a:cs typeface="Times New Roman"/>
              </a:rPr>
              <a:t>m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s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	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occu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p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y  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more</a:t>
            </a:r>
            <a:r>
              <a:rPr sz="2200" spc="2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s,</a:t>
            </a:r>
            <a:r>
              <a:rPr sz="22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increasing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number</a:t>
            </a:r>
            <a:r>
              <a:rPr sz="22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of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page</a:t>
            </a:r>
            <a:r>
              <a:rPr sz="22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200" spc="-5" dirty="0">
                <a:solidFill>
                  <a:srgbClr val="404040"/>
                </a:solidFill>
                <a:latin typeface="Times New Roman"/>
                <a:cs typeface="Times New Roman"/>
              </a:rPr>
              <a:t>faults.</a:t>
            </a:r>
            <a:endParaRPr sz="22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8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object 2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1780467" y="418665"/>
            <a:ext cx="7909559" cy="5277612"/>
          </a:xfrm>
          <a:prstGeom prst="rect">
            <a:avLst/>
          </a:prstGeom>
        </p:spPr>
      </p:pic>
    </p:spTree>
  </p:cSld>
  <p:clrMapOvr>
    <a:masterClrMapping/>
  </p:clrMapOvr>
</p:sld>
</file>

<file path=ppt/slides/slide8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4294967295"/>
          </p:nvPr>
        </p:nvSpPr>
        <p:spPr>
          <a:xfrm>
            <a:off x="914400" y="6248400"/>
            <a:ext cx="2540000" cy="4572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ELEC 6200, Fall 07, Oct 29</a:t>
            </a: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4294967295"/>
          </p:nvPr>
        </p:nvSpPr>
        <p:spPr>
          <a:xfrm>
            <a:off x="4165600" y="6248400"/>
            <a:ext cx="3860800" cy="4572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McPherson: Vector Processors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AE743A3-B665-4A1A-BEC6-D83C32F7F6D0}" type="slidenum">
              <a:rPr lang="en-US"/>
              <a:pPr/>
              <a:t>83</a:t>
            </a:fld>
            <a:endParaRPr lang="en-US"/>
          </a:p>
        </p:txBody>
      </p:sp>
      <p:sp>
        <p:nvSpPr>
          <p:cNvPr id="7170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r>
              <a:rPr lang="en-US" u="sng" dirty="0"/>
              <a:t>What is a Vector Processor?</a:t>
            </a:r>
          </a:p>
        </p:txBody>
      </p:sp>
      <p:sp>
        <p:nvSpPr>
          <p:cNvPr id="717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2400" dirty="0"/>
              <a:t>Also called an Array Processor.</a:t>
            </a:r>
          </a:p>
          <a:p>
            <a:r>
              <a:rPr lang="en-US" sz="2400" dirty="0"/>
              <a:t>Runs multiple mathematical operations on multiple data elements simultaneously.</a:t>
            </a:r>
          </a:p>
          <a:p>
            <a:r>
              <a:rPr lang="en-US" sz="2400" dirty="0"/>
              <a:t>Common in supercomputers of the 1970’s 80’s and 90’s.</a:t>
            </a:r>
          </a:p>
          <a:p>
            <a:r>
              <a:rPr lang="en-US" sz="2400" dirty="0"/>
              <a:t>Today most CPU designs contains at least some vector processing instructions, typically referred to as SIMD.</a:t>
            </a:r>
          </a:p>
          <a:p>
            <a:r>
              <a:rPr lang="en-US" sz="2400" dirty="0"/>
              <a:t>Typically operate on a few vectors elements per clock cycle in a pipeline v. SIMD which will operate on all at once.</a:t>
            </a:r>
          </a:p>
          <a:p>
            <a:endParaRPr lang="en-US" sz="2400" dirty="0"/>
          </a:p>
        </p:txBody>
      </p:sp>
    </p:spTree>
  </p:cSld>
  <p:clrMapOvr>
    <a:masterClrMapping/>
  </p:clrMapOvr>
</p:sld>
</file>

<file path=ppt/slides/slide8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4294967295"/>
          </p:nvPr>
        </p:nvSpPr>
        <p:spPr>
          <a:xfrm>
            <a:off x="914400" y="6248400"/>
            <a:ext cx="2540000" cy="4572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ELEC 6200, Fall 07, Oct 29</a:t>
            </a: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4294967295"/>
          </p:nvPr>
        </p:nvSpPr>
        <p:spPr>
          <a:xfrm>
            <a:off x="4165600" y="6248400"/>
            <a:ext cx="3860800" cy="4572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McPherson: Vector Processors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2DA1BF-DB77-42E7-A526-AEB1052B3361}" type="slidenum">
              <a:rPr lang="en-US"/>
              <a:pPr/>
              <a:t>84</a:t>
            </a:fld>
            <a:endParaRPr lang="en-US"/>
          </a:p>
        </p:txBody>
      </p:sp>
      <p:sp>
        <p:nvSpPr>
          <p:cNvPr id="6146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r>
              <a:rPr lang="en-US" u="sng" dirty="0"/>
              <a:t>History</a:t>
            </a:r>
          </a:p>
        </p:txBody>
      </p:sp>
      <p:sp>
        <p:nvSpPr>
          <p:cNvPr id="614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2400" dirty="0"/>
              <a:t>1962 University of Illinois </a:t>
            </a:r>
            <a:r>
              <a:rPr lang="en-US" sz="2400" dirty="0" err="1"/>
              <a:t>Illiac</a:t>
            </a:r>
            <a:r>
              <a:rPr lang="en-US" sz="2400" dirty="0"/>
              <a:t> IV - completed 1972 with 64 ALUs 100-150 </a:t>
            </a:r>
            <a:r>
              <a:rPr lang="en-US" sz="2400" dirty="0" err="1"/>
              <a:t>MFlops</a:t>
            </a:r>
            <a:r>
              <a:rPr lang="en-US" sz="2400" dirty="0"/>
              <a:t> (massively parallel computer)</a:t>
            </a:r>
          </a:p>
          <a:p>
            <a:r>
              <a:rPr lang="en-US" sz="2400" dirty="0"/>
              <a:t>(1973) TI’s Advance Scientific Computer (ASC) 20-80 </a:t>
            </a:r>
            <a:r>
              <a:rPr lang="en-US" sz="2400" dirty="0" err="1"/>
              <a:t>MFlops</a:t>
            </a:r>
            <a:endParaRPr lang="en-US" sz="2400" dirty="0"/>
          </a:p>
          <a:p>
            <a:r>
              <a:rPr lang="en-US" sz="2400" dirty="0"/>
              <a:t>(1975) Cray-1 first to have vector registers instead of keeping data in memory (8 registers with 64 64-bit words in each)</a:t>
            </a:r>
          </a:p>
          <a:p>
            <a:r>
              <a:rPr lang="en-US" sz="2400" dirty="0"/>
              <a:t>Cray-1 had separate pipelines for different instruction types allowing vector chaining. 80-240 </a:t>
            </a:r>
            <a:r>
              <a:rPr lang="en-US" sz="2400" dirty="0" err="1"/>
              <a:t>MFlops</a:t>
            </a:r>
            <a:endParaRPr lang="en-US" sz="2400" dirty="0"/>
          </a:p>
        </p:txBody>
      </p:sp>
    </p:spTree>
  </p:cSld>
  <p:clrMapOvr>
    <a:masterClrMapping/>
  </p:clrMapOvr>
</p:sld>
</file>

<file path=ppt/slides/slide8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r>
              <a:rPr lang="en-US"/>
              <a:t>ELEC 6200, Fall 07, Oct 29</a:t>
            </a:r>
          </a:p>
        </p:txBody>
      </p:sp>
      <p:sp>
        <p:nvSpPr>
          <p:cNvPr id="7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McPherson: Vector Processors</a:t>
            </a:r>
          </a:p>
        </p:txBody>
      </p:sp>
      <p:sp>
        <p:nvSpPr>
          <p:cNvPr id="8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1BC4C1D-862F-4BEF-BAC5-5EEC58CF26B0}" type="slidenum">
              <a:rPr lang="en-US"/>
              <a:pPr/>
              <a:t>85</a:t>
            </a:fld>
            <a:endParaRPr lang="en-US"/>
          </a:p>
        </p:txBody>
      </p:sp>
      <p:sp>
        <p:nvSpPr>
          <p:cNvPr id="8194" name="Rectangle 2"/>
          <p:cNvSpPr>
            <a:spLocks noGrp="1" noChangeArrowheads="1"/>
          </p:cNvSpPr>
          <p:nvPr>
            <p:ph type="title"/>
          </p:nvPr>
        </p:nvSpPr>
        <p:spPr>
          <a:xfrm>
            <a:off x="914400" y="304800"/>
            <a:ext cx="10363200" cy="691243"/>
          </a:xfrm>
        </p:spPr>
        <p:txBody>
          <a:bodyPr/>
          <a:lstStyle/>
          <a:p>
            <a:r>
              <a:rPr lang="en-US" dirty="0"/>
              <a:t>How It Works</a:t>
            </a:r>
          </a:p>
        </p:txBody>
      </p:sp>
      <p:sp>
        <p:nvSpPr>
          <p:cNvPr id="8195" name="Rectangle 3"/>
          <p:cNvSpPr>
            <a:spLocks noGrp="1" noChangeArrowheads="1"/>
          </p:cNvSpPr>
          <p:nvPr>
            <p:ph type="body" sz="half" idx="1"/>
          </p:nvPr>
        </p:nvSpPr>
        <p:spPr>
          <a:xfrm>
            <a:off x="1016000" y="5638800"/>
            <a:ext cx="10160000" cy="457200"/>
          </a:xfrm>
        </p:spPr>
        <p:txBody>
          <a:bodyPr/>
          <a:lstStyle/>
          <a:p>
            <a:r>
              <a:rPr lang="en-US" sz="2400"/>
              <a:t>Typical Vector Processor (Cell Processor)</a:t>
            </a:r>
          </a:p>
        </p:txBody>
      </p:sp>
      <p:pic>
        <p:nvPicPr>
          <p:cNvPr id="8200" name="Picture 8"/>
          <p:cNvPicPr>
            <a:picLocks noChangeAspect="1" noChangeArrowheads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1175657" y="1208314"/>
            <a:ext cx="9519557" cy="438717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sp>
        <p:nvSpPr>
          <p:cNvPr id="8202" name="Text Box 10"/>
          <p:cNvSpPr txBox="1">
            <a:spLocks noChangeArrowheads="1"/>
          </p:cNvSpPr>
          <p:nvPr/>
        </p:nvSpPr>
        <p:spPr bwMode="auto">
          <a:xfrm>
            <a:off x="8331200" y="5562600"/>
            <a:ext cx="290464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none">
            <a:spAutoFit/>
          </a:bodyPr>
          <a:lstStyle/>
          <a:p>
            <a:r>
              <a:rPr lang="en-US" sz="1400"/>
              <a:t>3</a:t>
            </a:r>
          </a:p>
        </p:txBody>
      </p:sp>
    </p:spTree>
  </p:cSld>
  <p:clrMapOvr>
    <a:masterClrMapping/>
  </p:clrMapOvr>
</p:sld>
</file>

<file path=ppt/slides/slide8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4294967295"/>
          </p:nvPr>
        </p:nvSpPr>
        <p:spPr>
          <a:xfrm>
            <a:off x="914400" y="6248400"/>
            <a:ext cx="2540000" cy="4572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ELEC 6200, Fall 07, Oct 29</a:t>
            </a: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4294967295"/>
          </p:nvPr>
        </p:nvSpPr>
        <p:spPr>
          <a:xfrm>
            <a:off x="4165600" y="6248400"/>
            <a:ext cx="3860800" cy="4572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McPherson: Vector Processors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6E0C7E-06C1-4AF5-915F-C362A13683A2}" type="slidenum">
              <a:rPr lang="en-US"/>
              <a:pPr/>
              <a:t>86</a:t>
            </a:fld>
            <a:endParaRPr lang="en-US"/>
          </a:p>
        </p:txBody>
      </p:sp>
      <p:sp>
        <p:nvSpPr>
          <p:cNvPr id="10242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Advantages</a:t>
            </a:r>
          </a:p>
        </p:txBody>
      </p:sp>
      <p:sp>
        <p:nvSpPr>
          <p:cNvPr id="1024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2000" dirty="0"/>
              <a:t>Each result is independent of previous results - allowing deep pipelines and high clock rates.</a:t>
            </a:r>
          </a:p>
          <a:p>
            <a:r>
              <a:rPr lang="en-US" sz="2000" dirty="0"/>
              <a:t>A single vector instruction performs a great deal of work - meaning less fetches and ewer branches (and in turn fewer </a:t>
            </a:r>
            <a:r>
              <a:rPr lang="en-US" sz="2000" dirty="0" err="1"/>
              <a:t>mispredictions</a:t>
            </a:r>
            <a:r>
              <a:rPr lang="en-US" sz="2000" dirty="0"/>
              <a:t>). </a:t>
            </a:r>
          </a:p>
          <a:p>
            <a:r>
              <a:rPr lang="en-US" sz="2000" dirty="0"/>
              <a:t>Vector instructions access memory a block at a time which allows memory latency to be amortized over many elements. </a:t>
            </a:r>
          </a:p>
          <a:p>
            <a:r>
              <a:rPr lang="en-US" sz="2000" dirty="0"/>
              <a:t>Vector instructions access memory with known patterns, which allows multiple memory banks to simultaneously supply operands.</a:t>
            </a:r>
          </a:p>
          <a:p>
            <a:r>
              <a:rPr lang="en-US" sz="2000" dirty="0" smtClean="0"/>
              <a:t>Less </a:t>
            </a:r>
            <a:r>
              <a:rPr lang="en-US" sz="2000" dirty="0"/>
              <a:t>memory access = faster processing time.</a:t>
            </a:r>
          </a:p>
          <a:p>
            <a:endParaRPr lang="en-US" sz="2000" dirty="0"/>
          </a:p>
        </p:txBody>
      </p:sp>
    </p:spTree>
  </p:cSld>
  <p:clrMapOvr>
    <a:masterClrMapping/>
  </p:clrMapOvr>
</p:sld>
</file>

<file path=ppt/slides/slide8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4294967295"/>
          </p:nvPr>
        </p:nvSpPr>
        <p:spPr>
          <a:xfrm>
            <a:off x="914400" y="6248400"/>
            <a:ext cx="2540000" cy="4572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ELEC 6200, Fall 07, Oct 29</a:t>
            </a: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4294967295"/>
          </p:nvPr>
        </p:nvSpPr>
        <p:spPr>
          <a:xfrm>
            <a:off x="4165600" y="6248400"/>
            <a:ext cx="3860800" cy="457200"/>
          </a:xfrm>
          <a:prstGeom prst="rect">
            <a:avLst/>
          </a:prstGeom>
        </p:spPr>
        <p:txBody>
          <a:bodyPr/>
          <a:lstStyle/>
          <a:p>
            <a:r>
              <a:rPr lang="en-US"/>
              <a:t>McPherson: Vector Processors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BFCD905-B3F9-446B-A341-CA25589B5FFD}" type="slidenum">
              <a:rPr lang="en-US"/>
              <a:pPr/>
              <a:t>87</a:t>
            </a:fld>
            <a:endParaRPr lang="en-US"/>
          </a:p>
        </p:txBody>
      </p:sp>
      <p:sp>
        <p:nvSpPr>
          <p:cNvPr id="11266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Disadvantages</a:t>
            </a:r>
          </a:p>
        </p:txBody>
      </p:sp>
      <p:sp>
        <p:nvSpPr>
          <p:cNvPr id="112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2400"/>
              <a:t>Not as fast with scalar instructions</a:t>
            </a:r>
          </a:p>
          <a:p>
            <a:r>
              <a:rPr lang="en-US" sz="2400"/>
              <a:t>Complexity of the multi-ported VRF</a:t>
            </a:r>
          </a:p>
          <a:p>
            <a:r>
              <a:rPr lang="en-US" sz="2400"/>
              <a:t>Difficulties implementing precise exceptions</a:t>
            </a:r>
          </a:p>
          <a:p>
            <a:r>
              <a:rPr lang="en-US" sz="2400"/>
              <a:t>High price of on-chip vector memory systems</a:t>
            </a:r>
          </a:p>
          <a:p>
            <a:r>
              <a:rPr lang="en-US" sz="2400"/>
              <a:t>Increased code complexity</a:t>
            </a:r>
            <a:endParaRPr lang="en-US"/>
          </a:p>
        </p:txBody>
      </p:sp>
    </p:spTree>
  </p:cSld>
  <p:clrMapOvr>
    <a:masterClrMapping/>
  </p:clrMapOvr>
</p:sld>
</file>

<file path=ppt/slides/slide8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370" name="Rectangle 2"/>
          <p:cNvSpPr>
            <a:spLocks noChangeArrowheads="1"/>
          </p:cNvSpPr>
          <p:nvPr/>
        </p:nvSpPr>
        <p:spPr bwMode="auto">
          <a:xfrm>
            <a:off x="912284" y="333376"/>
            <a:ext cx="4222749" cy="396875"/>
          </a:xfrm>
          <a:prstGeom prst="rect">
            <a:avLst/>
          </a:prstGeom>
          <a:solidFill>
            <a:srgbClr val="FFFF00"/>
          </a:solidFill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rtl="0"/>
            <a:r>
              <a:rPr lang="en-US" sz="2000" b="1" dirty="0"/>
              <a:t>ARRAY PROCESSOR</a:t>
            </a:r>
            <a:endParaRPr lang="ar-IQ" sz="2000" b="1" dirty="0"/>
          </a:p>
        </p:txBody>
      </p:sp>
      <p:pic>
        <p:nvPicPr>
          <p:cNvPr id="58371" name="Picture 6"/>
          <p:cNvPicPr>
            <a:picLocks noChangeAspect="1" noChangeArrowheads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334434" y="1343026"/>
            <a:ext cx="11425767" cy="4894263"/>
          </a:xfrm>
          <a:prstGeom prst="rect">
            <a:avLst/>
          </a:prstGeom>
          <a:noFill/>
          <a:ln w="38100">
            <a:solidFill>
              <a:srgbClr val="000000"/>
            </a:solidFill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2"/>
          <p:cNvSpPr>
            <a:spLocks noChangeArrowheads="1"/>
          </p:cNvSpPr>
          <p:nvPr/>
        </p:nvSpPr>
        <p:spPr bwMode="auto">
          <a:xfrm>
            <a:off x="1488018" y="800101"/>
            <a:ext cx="8928100" cy="396875"/>
          </a:xfrm>
          <a:prstGeom prst="rect">
            <a:avLst/>
          </a:prstGeom>
          <a:solidFill>
            <a:srgbClr val="FFFF00"/>
          </a:solidFill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rtl="0"/>
            <a:r>
              <a:rPr lang="en-US" sz="2000" b="1" dirty="0"/>
              <a:t>attached array processor with host computer</a:t>
            </a:r>
            <a:endParaRPr lang="ar-IQ" sz="2000" b="1" dirty="0"/>
          </a:p>
        </p:txBody>
      </p:sp>
      <p:pic>
        <p:nvPicPr>
          <p:cNvPr id="59395" name="Picture 18"/>
          <p:cNvPicPr>
            <a:picLocks noChangeAspect="1" noChangeArrowheads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1102785" y="1989139"/>
            <a:ext cx="10079567" cy="2447925"/>
          </a:xfrm>
          <a:prstGeom prst="rect">
            <a:avLst/>
          </a:prstGeom>
          <a:noFill/>
          <a:ln w="28575">
            <a:solidFill>
              <a:srgbClr val="000000"/>
            </a:solidFill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1355271" y="1763486"/>
            <a:ext cx="10221686" cy="2115964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55600" marR="5080" indent="-342900" algn="just">
              <a:lnSpc>
                <a:spcPct val="100000"/>
              </a:lnSpc>
              <a:spcBef>
                <a:spcPts val="10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16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n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lternative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rrangement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 for</a:t>
            </a:r>
            <a:r>
              <a:rPr sz="2400" spc="60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dentifying</a:t>
            </a:r>
            <a:r>
              <a:rPr sz="2400" spc="5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400" spc="59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devices </a:t>
            </a:r>
            <a:r>
              <a:rPr sz="2400" spc="-58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re by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signing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m by an unique address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within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e </a:t>
            </a:r>
            <a:r>
              <a:rPr sz="2400" spc="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memory</a:t>
            </a:r>
            <a:r>
              <a:rPr sz="2400" spc="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ddress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space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f the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computer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994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400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t</a:t>
            </a:r>
            <a:r>
              <a:rPr sz="24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become</a:t>
            </a:r>
            <a:r>
              <a:rPr sz="24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possible</a:t>
            </a:r>
            <a:r>
              <a:rPr sz="2400" spc="14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o</a:t>
            </a:r>
            <a:r>
              <a:rPr sz="2400" spc="15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ccess</a:t>
            </a:r>
            <a:r>
              <a:rPr sz="24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I/O</a:t>
            </a:r>
            <a:r>
              <a:rPr sz="24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device</a:t>
            </a:r>
            <a:r>
              <a:rPr sz="2400" spc="13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n</a:t>
            </a:r>
            <a:r>
              <a:rPr sz="24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the</a:t>
            </a:r>
            <a:r>
              <a:rPr sz="2400" spc="15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same</a:t>
            </a:r>
            <a:r>
              <a:rPr sz="2400" spc="16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way</a:t>
            </a:r>
            <a:endParaRPr sz="2400">
              <a:latin typeface="Times New Roman"/>
              <a:cs typeface="Times New Roman"/>
            </a:endParaRPr>
          </a:p>
          <a:p>
            <a:pPr marL="355600" algn="just">
              <a:lnSpc>
                <a:spcPct val="100000"/>
              </a:lnSpc>
            </a:pP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ny</a:t>
            </a:r>
            <a:r>
              <a:rPr sz="2400" spc="-2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other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memory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location</a:t>
            </a:r>
            <a:r>
              <a:rPr sz="2400" spc="-4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accessing.</a:t>
            </a:r>
            <a:endParaRPr sz="2400">
              <a:latin typeface="Times New Roman"/>
              <a:cs typeface="Times New Roman"/>
            </a:endParaRPr>
          </a:p>
          <a:p>
            <a:pPr marL="12700" algn="just">
              <a:lnSpc>
                <a:spcPct val="100000"/>
              </a:lnSpc>
              <a:spcBef>
                <a:spcPts val="1010"/>
              </a:spcBef>
            </a:pPr>
            <a:r>
              <a:rPr sz="1900" spc="-170" dirty="0">
                <a:solidFill>
                  <a:srgbClr val="B83C68"/>
                </a:solidFill>
                <a:latin typeface="Lucida Sans Unicode"/>
                <a:cs typeface="Lucida Sans Unicode"/>
              </a:rPr>
              <a:t>▶</a:t>
            </a:r>
            <a:r>
              <a:rPr sz="1900" spc="-25" dirty="0">
                <a:solidFill>
                  <a:srgbClr val="B83C68"/>
                </a:solidFill>
                <a:latin typeface="Lucida Sans Unicode"/>
                <a:cs typeface="Lucida Sans Unicode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This</a:t>
            </a:r>
            <a:r>
              <a:rPr sz="2400" spc="-15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is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dirty="0">
                <a:solidFill>
                  <a:srgbClr val="404040"/>
                </a:solidFill>
                <a:latin typeface="Times New Roman"/>
                <a:cs typeface="Times New Roman"/>
              </a:rPr>
              <a:t>known</a:t>
            </a:r>
            <a:r>
              <a:rPr sz="2400" spc="-10" dirty="0">
                <a:solidFill>
                  <a:srgbClr val="40404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as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emory</a:t>
            </a:r>
            <a:r>
              <a:rPr sz="2400" spc="1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mapped</a:t>
            </a:r>
            <a:r>
              <a:rPr sz="2400" dirty="0">
                <a:solidFill>
                  <a:srgbClr val="C00000"/>
                </a:solidFill>
                <a:latin typeface="Times New Roman"/>
                <a:cs typeface="Times New Roman"/>
              </a:rPr>
              <a:t> </a:t>
            </a:r>
            <a:r>
              <a:rPr sz="2400" spc="-5" dirty="0">
                <a:solidFill>
                  <a:srgbClr val="C00000"/>
                </a:solidFill>
                <a:latin typeface="Times New Roman"/>
                <a:cs typeface="Times New Roman"/>
              </a:rPr>
              <a:t>I/O</a:t>
            </a:r>
            <a:r>
              <a:rPr sz="2400" spc="-5" dirty="0">
                <a:solidFill>
                  <a:srgbClr val="404040"/>
                </a:solidFill>
                <a:latin typeface="Times New Roman"/>
                <a:cs typeface="Times New Roman"/>
              </a:rPr>
              <a:t>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9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Rectangle 2"/>
          <p:cNvSpPr>
            <a:spLocks noChangeArrowheads="1"/>
          </p:cNvSpPr>
          <p:nvPr/>
        </p:nvSpPr>
        <p:spPr bwMode="auto">
          <a:xfrm>
            <a:off x="1518860" y="535443"/>
            <a:ext cx="7296149" cy="396875"/>
          </a:xfrm>
          <a:prstGeom prst="rect">
            <a:avLst/>
          </a:prstGeom>
          <a:solidFill>
            <a:srgbClr val="FFFF00"/>
          </a:solidFill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rtl="0"/>
            <a:r>
              <a:rPr lang="en-US" sz="2000" b="1"/>
              <a:t>SIMD array processor Organization</a:t>
            </a:r>
            <a:endParaRPr lang="ar-IQ" sz="2000" b="1"/>
          </a:p>
        </p:txBody>
      </p:sp>
      <p:pic>
        <p:nvPicPr>
          <p:cNvPr id="60419" name="Picture 6"/>
          <p:cNvPicPr>
            <a:picLocks noChangeAspect="1" noChangeArrowheads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1003301" y="1471614"/>
            <a:ext cx="10469033" cy="4549775"/>
          </a:xfrm>
          <a:prstGeom prst="rect">
            <a:avLst/>
          </a:prstGeom>
          <a:noFill/>
          <a:ln w="38100">
            <a:solidFill>
              <a:srgbClr val="000000"/>
            </a:solidFill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9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>
            <a:extLst>
              <a:ext uri="{FF2B5EF4-FFF2-40B4-BE49-F238E27FC236}">
                <a16:creationId xmlns="" xmlns:a16="http://schemas.microsoft.com/office/drawing/2014/main" id="{917DAAD8-DF21-1945-15C7-0A491AE5425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2400" dirty="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Did You Know?</a:t>
            </a:r>
            <a:endParaRPr lang="en-IN" dirty="0"/>
          </a:p>
        </p:txBody>
      </p:sp>
      <p:pic>
        <p:nvPicPr>
          <p:cNvPr id="11" name="Picture 10">
            <a:extLst>
              <a:ext uri="{FF2B5EF4-FFF2-40B4-BE49-F238E27FC236}">
                <a16:creationId xmlns="" xmlns:a16="http://schemas.microsoft.com/office/drawing/2014/main" id="{F447326F-F05A-D8C3-7443-9B1974F3BF3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175625" y="1482901"/>
            <a:ext cx="10042708" cy="3892198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="" xmlns:a16="http://schemas.microsoft.com/office/drawing/2014/main" id="{93FC3F01-D916-EE83-00BE-E6F50E74FB2F}"/>
              </a:ext>
            </a:extLst>
          </p:cNvPr>
          <p:cNvSpPr txBox="1"/>
          <p:nvPr/>
        </p:nvSpPr>
        <p:spPr>
          <a:xfrm>
            <a:off x="1383148" y="4544055"/>
            <a:ext cx="29005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>
                <a:solidFill>
                  <a:srgbClr val="FF0000"/>
                </a:solidFill>
                <a:latin typeface="Metropolis" panose="00000500000000000000"/>
              </a:rPr>
              <a:t>Registers are fast Computer Memory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="" xmlns:a16="http://schemas.microsoft.com/office/drawing/2014/main" id="{FFFC61FE-3FF3-A9D7-C758-40533AC2D703}"/>
              </a:ext>
            </a:extLst>
          </p:cNvPr>
          <p:cNvSpPr txBox="1"/>
          <p:nvPr/>
        </p:nvSpPr>
        <p:spPr>
          <a:xfrm>
            <a:off x="4737099" y="4143944"/>
            <a:ext cx="2717800" cy="92333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1800" b="0" i="0" dirty="0">
                <a:solidFill>
                  <a:srgbClr val="273239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An encoder  converts a set of binary inputs into a unique binary code. </a:t>
            </a:r>
          </a:p>
        </p:txBody>
      </p:sp>
    </p:spTree>
    <p:custDataLst>
      <p:tags r:id="rId1"/>
    </p:custDataLst>
  </p:cSld>
  <p:clrMapOvr>
    <a:masterClrMapping/>
  </p:clrMapOvr>
</p:sld>
</file>

<file path=ppt/slides/slide9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4"/>
          <p:cNvSpPr/>
          <p:nvPr/>
        </p:nvSpPr>
        <p:spPr>
          <a:xfrm flipV="1">
            <a:off x="0" y="0"/>
            <a:ext cx="87984" cy="6858000"/>
          </a:xfrm>
          <a:prstGeom prst="rect">
            <a:avLst/>
          </a:prstGeom>
          <a:solidFill>
            <a:srgbClr val="FDBA2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6" name="Rectangle 5"/>
          <p:cNvSpPr/>
          <p:nvPr/>
        </p:nvSpPr>
        <p:spPr>
          <a:xfrm>
            <a:off x="-762000" y="385218"/>
            <a:ext cx="4325332" cy="584775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3200" b="0" cap="none" spc="0" dirty="0">
                <a:ln w="0"/>
                <a:solidFill>
                  <a:schemeClr val="bg1"/>
                </a:solidFill>
                <a:latin typeface="Metropolis" panose="00000500000000000000" pitchFamily="50" charset="0"/>
                <a:cs typeface="Segoe UI" panose="020B0502040204020203" pitchFamily="34" charset="0"/>
              </a:rPr>
              <a:t> </a:t>
            </a:r>
          </a:p>
        </p:txBody>
      </p:sp>
      <p:sp>
        <p:nvSpPr>
          <p:cNvPr id="33" name="Rectangle: Rounded Corners 32"/>
          <p:cNvSpPr/>
          <p:nvPr/>
        </p:nvSpPr>
        <p:spPr>
          <a:xfrm>
            <a:off x="838200" y="1596642"/>
            <a:ext cx="10476464" cy="3767812"/>
          </a:xfrm>
          <a:prstGeom prst="roundRect">
            <a:avLst>
              <a:gd name="adj" fmla="val 1729"/>
            </a:avLst>
          </a:prstGeom>
          <a:noFill/>
          <a:ln>
            <a:solidFill>
              <a:srgbClr val="FDBA2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34" name="Rectangle 33"/>
          <p:cNvSpPr/>
          <p:nvPr/>
        </p:nvSpPr>
        <p:spPr>
          <a:xfrm>
            <a:off x="3015550" y="2203275"/>
            <a:ext cx="7658537" cy="1477328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b="1" dirty="0">
                <a:latin typeface="Metropolis" panose="00000500000000000000" pitchFamily="50" charset="0"/>
                <a:cs typeface="Segoe UI" panose="020B0502040204020203" pitchFamily="34" charset="0"/>
              </a:rPr>
              <a:t>Outcomes:</a:t>
            </a:r>
            <a:endParaRPr lang="en-IN" b="1" dirty="0">
              <a:latin typeface="Metropolis" panose="00000500000000000000" pitchFamily="50" charset="0"/>
              <a:cs typeface="Segoe UI" panose="020B0502040204020203" pitchFamily="34" charset="0"/>
            </a:endParaRPr>
          </a:p>
          <a:p>
            <a:pPr marL="742950" lvl="1" indent="-285750">
              <a:buFont typeface="+mj-lt"/>
              <a:buAutoNum type="alphaLcPeriod"/>
            </a:pPr>
            <a:r>
              <a:rPr lang="en-IN" dirty="0">
                <a:latin typeface="Metropolis" panose="00000500000000000000" pitchFamily="50" charset="0"/>
                <a:cs typeface="Segoe UI" panose="020B0502040204020203" pitchFamily="34" charset="0"/>
              </a:rPr>
              <a:t>Discuss the theory functionality and basic architecture of CPU</a:t>
            </a:r>
          </a:p>
          <a:p>
            <a:pPr marL="742950" lvl="1" indent="-285750">
              <a:buFont typeface="+mj-lt"/>
              <a:buAutoNum type="alphaLcPeriod"/>
            </a:pPr>
            <a:r>
              <a:rPr lang="en-IN" dirty="0">
                <a:latin typeface="Metropolis" panose="00000500000000000000" pitchFamily="50" charset="0"/>
                <a:cs typeface="Segoe UI" panose="020B0502040204020203" pitchFamily="34" charset="0"/>
              </a:rPr>
              <a:t>Discuss the Design Issues on the basis of speed, Technology, cost and performance.</a:t>
            </a:r>
          </a:p>
          <a:p>
            <a:pPr marL="742950" lvl="1" indent="-285750">
              <a:buFont typeface="+mj-lt"/>
              <a:buAutoNum type="alphaLcPeriod"/>
            </a:pPr>
            <a:r>
              <a:rPr lang="en-IN" dirty="0">
                <a:latin typeface="Metropolis" panose="00000500000000000000" pitchFamily="50" charset="0"/>
                <a:cs typeface="Segoe UI" panose="020B0502040204020203" pitchFamily="34" charset="0"/>
              </a:rPr>
              <a:t>Illustrate the different Logic Gates and Minimization of Logic gates.	</a:t>
            </a:r>
          </a:p>
        </p:txBody>
      </p:sp>
      <p:pic>
        <p:nvPicPr>
          <p:cNvPr id="17" name="Graphic 16" descr="Document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=""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1304991" y="2726652"/>
            <a:ext cx="1404696" cy="1404696"/>
          </a:xfrm>
          <a:prstGeom prst="rect">
            <a:avLst/>
          </a:prstGeom>
        </p:spPr>
      </p:pic>
      <p:sp>
        <p:nvSpPr>
          <p:cNvPr id="8" name="Title 7">
            <a:extLst>
              <a:ext uri="{FF2B5EF4-FFF2-40B4-BE49-F238E27FC236}">
                <a16:creationId xmlns="" xmlns:a16="http://schemas.microsoft.com/office/drawing/2014/main" id="{993C3D8B-0B19-8C09-73D5-A11840D7B7E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ummary</a:t>
            </a:r>
            <a:endParaRPr lang="en-IN" dirty="0"/>
          </a:p>
        </p:txBody>
      </p:sp>
    </p:spTree>
    <p:custDataLst>
      <p:tags r:id="rId1"/>
    </p:custDataLst>
  </p:cSld>
  <p:clrMapOvr>
    <a:masterClrMapping/>
  </p:clrMapOvr>
</p:sld>
</file>

<file path=ppt/slides/slide9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GB">
                <a:latin typeface="Metropolis"/>
              </a:rPr>
              <a:t>Thank you</a:t>
            </a:r>
            <a:endParaRPr lang="en-GB"/>
          </a:p>
        </p:txBody>
      </p:sp>
    </p:spTree>
    <p:custDataLst>
      <p:tags r:id="rId1"/>
    </p:custData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updated_OOP_JAVA_module_3_ID-reviewed"/>
  <p:tag name="ISPRING_FIRST_PUBLISH" val="1"/>
  <p:tag name="ISPRING-SUITE_ISPRING_PLAYERS_CUSTOMIZATION_2" val="{&quot;universal&quot;:{&quot;skinSettings&quot;:{&quot;borderRadius&quot;:20,&quot;colors&quot;:{&quot;asideBackground&quot;:{&quot;color&quot;:&quot;#353535&quot;,&quot;opacity&quot;:1,&quot;type&quot;:&quot;SOLID&quot;},&quot;asideElementBackgroundActive&quot;:{&quot;color&quot;:&quot;#9F834B&quot;,&quot;opacity&quot;:1,&quot;type&quot;:&quot;SOLID&quot;},&quot;asideElementBackgroundHover&quot;:{&quot;color&quot;:&quot;#F4C567&quot;,&quot;opacity&quot;:1,&quot;type&quot;:&quot;SOLID&quot;},&quot;asideElementText&quot;:{&quot;color&quot;:&quot;#D8D8D8&quot;,&quot;opacity&quot;:1,&quot;type&quot;:&quot;SOLID&quot;},&quot;asideElementTextActive&quot;:{&quot;color&quot;:&quot;#F4F4F4&quot;,&quot;opacity&quot;:1,&quot;type&quot;:&quot;SOLID&quot;},&quot;asideElementTextHover&quot;:{&quot;color&quot;:&quot;#D8D8D8&quot;,&quot;opacity&quot;:1,&quot;type&quot;:&quot;SOLID&quot;},&quot;asideLogoBackground&quot;:{&quot;color&quot;:&quot;#353535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000000&quot;,&quot;opacity&quot;:1,&quot;type&quot;:&quot;SOLID&quot;},&quot;primaryButtonBackground&quot;:{&quot;color&quot;:&quot;#F4C567&quot;,&quot;opacity&quot;:1,&quot;type&quot;:&quot;SOLID&quot;},&quot;primaryButtonBackgroundHover&quot;:{&quot;color&quot;:&quot;#000000&quot;,&quot;opacity&quot;:1,&quot;type&quot;:&quot;SOLID&quot;},&quot;primaryButtonBorder&quot;:{&quot;color&quot;:&quot;#FFFFFF&quot;,&quot;opacity&quot;:1,&quot;type&quot;:&quot;SOLID&quot;},&quot;primaryButtonBorderHover&quot;:{&quot;color&quot;:&quot;#FFFFFF&quot;,&quot;opacity&quot;:1,&quot;type&quot;:&quot;SOLID&quot;},&quot;primaryButtonText&quot;:{&quot;color&quot;:&quot;#000000&quot;,&quot;opacity&quot;:1,&quot;type&quot;:&quot;SOLID&quot;},&quot;primaryButtonTextHover&quot;:{&quot;color&quot;:&quot;#F4C567&quot;,&quot;opacity&quot;:1,&quot;type&quot;:&quot;SOLID&quot;},&quot;secondaryButtonBackground&quot;:{&quot;color&quot;:&quot;#F4C567&quot;,&quot;opacity&quot;:1,&quot;type&quot;:&quot;SOLID&quot;},&quot;secondaryButtonBackgroundHover&quot;:{&quot;color&quot;:&quot;#000000&quot;,&quot;opacity&quot;:1,&quot;type&quot;:&quot;SOLID&quot;},&quot;secondaryButtonBorder&quot;:{&quot;color&quot;:&quot;#FFFFFF&quot;,&quot;opacity&quot;:1,&quot;type&quot;:&quot;SOLID&quot;},&quot;secondaryButtonBorderHover&quot;:{&quot;color&quot;:&quot;#000000&quot;,&quot;opacity&quot;:1,&quot;type&quot;:&quot;SOLID&quot;},&quot;secondaryButtonText&quot;:{&quot;color&quot;:&quot;#000000&quot;,&quot;opacity&quot;:1,&quot;type&quot;:&quot;SOLID&quot;},&quot;secondaryButtonTextHover&quot;:{&quot;color&quot;:&quot;#F4C567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true,&quot;showNextButton&quot;:true,&quot;showOutline&quot;:false,&quot;showPlayPause&quot;:true,&quot;showPlaybackRateButton&quot;:true,&quot;showPrevButton&quot;:true,&quot;showRewind&quot;:tru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,&quot;outline&quot;],&quot;buttonsAtLeft&quot;:false,&quot;courseTitleVisible&quot;:tru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URSE_TITLE&quot;,&quot;DT_REFERENCE_URL&quot;,&quot;DT_REFERENCE_TITLE&quot;,&quot;DT_PRESENTER_BIO&quot;,&quot;DT_PRESENTER_EMAIL&quot;,&quot;DT_PRESENTER_WEBSITE&quot;,&quot;DT_PRESENTER_PHONE&quot;,&quot;DT_PRESENTER_TITLE&quot;,&quot;DT_PRESENTER_NAME&quot;,&quot;DT_SLIDE_NOTES_HTML&quot;,&quot;DT_SLIDE_NOTES_TEXT&quot;,&quot;DT_SLIDE_TITLE&quot;,&quot;DT_SLIDE_NOTES_TEXT&quot;,&quot;DT_SLIDE_TEXT&quot;,&quot;DT_HYPERLINK_TOOLTIP&quot;]},&quot;resources&quot;:{&quot;attachments&quot;:true,&quot;fonts&quot;:[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{&quot;enlargeToFit&quot;:false,&quot;height&quot;:105,&quot;jpegQuality&quot;:100,&quot;keepAspectRatio&quot;:true,&quot;width&quot;:94},&quot;slideThumbnails&quot;:{&quot;enlargeToFit&quot;:false,&quot;height&quot;:59,&quot;jpegQuality&quot;:100,&quot;keepAspectRatio&quot;:true,&quot;width&quot;:78}}}},&quot;ceipData&quot;:{&quot;enableMiniSkinCustomization&quot;:true,&quot;playerLayout&quot;:&quot;builtin.fullPlayer&quot;,&quot;playerLayoutFooter&quot;:&quot;playAndPause,acceleration,notes,replay,fullscreen,volumeControl,slideNumber,goToPrev,goToNext&quot;,&quot;playerLayoutHeader&quot;:&quot;resources,markerTools,presenterInfo,outline,title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20,&quot;playerThemeColorScheme&quot;:&quot;custom&quot;,&quot;playerThemeFont&quot;:&quot;Arial&quot;}}}"/>
  <p:tag name="ISPRING-SUITE_ISPRING_CURRENT_PLAYER_ID" val="universal"/>
  <p:tag name="ISPRING_PRESENTATION_COURSE_TITLE" val="updated_OOP_JAVA_module_3_ID-reviewed"/>
  <p:tag name="ISPRING_LMS_API_VERSION" val="SCORM 2004 (4th edition)"/>
  <p:tag name="ISPRING_ULTRA_SCORM_COURSE_ID" val="EC8DB6B2-6AEF-4492-8F89-D621FAD2E256"/>
  <p:tag name="ISPRING_CMI5_LAUNCH_METHOD" val="any window"/>
  <p:tag name="ISPRINGCLOUDFOLDERID" val="1"/>
  <p:tag name="ISPRINGONLINEFOLDERID" val="1"/>
  <p:tag name="ISPRING_OUTPUT_FOLDER" val="[[&quot;\u001F\uFFFD\uFFFD\uFFFD{DC750210-F06D-47A7-AF73-282E12EA7E23}&quot;,&quot;C:\\Users\\Miles\\OneDrive - FUTURENSE TECHNOLOGIES PRIVATE LIMITED\\Documents\\April 3 - 7\\PPTs\\OOP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ORIGINAL_SIZ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,&quot;studioSettings&quot;:{&quot;onlineDestinationFolderId&quot;:&quot;0&quot;}}"/>
  <p:tag name="ISPRING_SCORM_RATE_SLIDES" val="0"/>
  <p:tag name="ISPRING_SCORM_PASSING_SCORE" val="0.000000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47972E5-C509-4B73-BE6F-12807FC490A7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2DBCC4B-8E1E-4A18-A44D-F8FDFCDADF0A}:25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F413047-4B42-423E-989C-A99278B60D54}:466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F413047-4B42-423E-989C-A99278B60D54}:4663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95A03C6-688C-4D0E-9D4F-85DF48298F21}:459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0F44B66-AAE4-4191-A702-D66C71859C00}:4619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24B4FE-6FD4-4358-B82B-E615A28F4D79}:4596"/>
</p:tagLst>
</file>

<file path=ppt/theme/theme1.xml><?xml version="1.0" encoding="utf-8"?>
<a:theme xmlns:a="http://schemas.openxmlformats.org/drawingml/2006/main" name="Office Theme">
  <a:themeElements>
    <a:clrScheme name="Godfather of Talent | Futurense">
      <a:dk1>
        <a:srgbClr val="000000"/>
      </a:dk1>
      <a:lt1>
        <a:srgbClr val="FFFFFF"/>
      </a:lt1>
      <a:dk2>
        <a:srgbClr val="1F1B24"/>
      </a:dk2>
      <a:lt2>
        <a:srgbClr val="E7E6E6"/>
      </a:lt2>
      <a:accent1>
        <a:srgbClr val="F5A725"/>
      </a:accent1>
      <a:accent2>
        <a:srgbClr val="ED7A00"/>
      </a:accent2>
      <a:accent3>
        <a:srgbClr val="A5A5A5"/>
      </a:accent3>
      <a:accent4>
        <a:srgbClr val="6A5DFE"/>
      </a:accent4>
      <a:accent5>
        <a:srgbClr val="E223D5"/>
      </a:accent5>
      <a:accent6>
        <a:srgbClr val="70AD47"/>
      </a:accent6>
      <a:hlink>
        <a:srgbClr val="0563C1"/>
      </a:hlink>
      <a:folHlink>
        <a:srgbClr val="981D10"/>
      </a:folHlink>
    </a:clrScheme>
    <a:fontScheme name="Franklin Gothic">
      <a:majorFont>
        <a:latin typeface="Franklin Gothic Medium"/>
        <a:ea typeface=""/>
        <a:cs typeface=""/>
        <a:font script="Jpan" typeface="HG創英角ｺﾞｼｯｸUB"/>
        <a:font script="Hang" typeface="돋움"/>
        <a:font script="Hans" typeface="隶书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ajorFont>
      <a:minorFont>
        <a:latin typeface="Franklin Gothic Book"/>
        <a:ea typeface=""/>
        <a:cs typeface=""/>
        <a:font script="Jpan" typeface="HGｺﾞｼｯｸE"/>
        <a:font script="Hang" typeface="돋움"/>
        <a:font script="Hans" typeface="华文楷体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=""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=""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32BC1B890511254D865826FEFDF7970E" ma:contentTypeVersion="7" ma:contentTypeDescription="Create a new document." ma:contentTypeScope="" ma:versionID="34059d4175d8b1a21b3899fc228eeed5">
  <xsd:schema xmlns:xsd="http://www.w3.org/2001/XMLSchema" xmlns:xs="http://www.w3.org/2001/XMLSchema" xmlns:p="http://schemas.microsoft.com/office/2006/metadata/properties" xmlns:ns2="9eda679c-5b4d-46fc-8b6f-417acde0ac58" targetNamespace="http://schemas.microsoft.com/office/2006/metadata/properties" ma:root="true" ma:fieldsID="93e62b884903fe6e3df20a06205271b1" ns2:_="">
    <xsd:import namespace="9eda679c-5b4d-46fc-8b6f-417acde0ac58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lcf76f155ced4ddcb4097134ff3c332f" minOccurs="0"/>
                <xsd:element ref="ns2:MediaServiceOCR" minOccurs="0"/>
                <xsd:element ref="ns2:MediaServiceGenerationTime" minOccurs="0"/>
                <xsd:element ref="ns2:MediaServiceEventHashCode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9eda679c-5b4d-46fc-8b6f-417acde0ac58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lcf76f155ced4ddcb4097134ff3c332f" ma:index="11" nillable="true" ma:taxonomy="true" ma:internalName="lcf76f155ced4ddcb4097134ff3c332f" ma:taxonomyFieldName="MediaServiceImageTags" ma:displayName="Image Tags" ma:readOnly="false" ma:fieldId="{5cf76f15-5ced-4ddc-b409-7134ff3c332f}" ma:taxonomyMulti="true" ma:sspId="4967dff1-80c2-47c4-a5c3-31ef26c72796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OCR" ma:index="12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9eda679c-5b4d-46fc-8b6f-417acde0ac58">
      <Terms xmlns="http://schemas.microsoft.com/office/infopath/2007/PartnerControls"/>
    </lcf76f155ced4ddcb4097134ff3c332f>
  </documentManagement>
</p:properties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6ECFCEE1-4C4A-4D87-B8F8-C4BE02F2CF5B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9eda679c-5b4d-46fc-8b6f-417acde0ac58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15076D13-3D3C-431F-B67A-2315786B581B}">
  <ds:schemaRefs>
    <ds:schemaRef ds:uri="http://schemas.microsoft.com/office/2006/metadata/properties"/>
    <ds:schemaRef ds:uri="http://schemas.microsoft.com/office/infopath/2007/PartnerControls"/>
    <ds:schemaRef ds:uri="9eda679c-5b4d-46fc-8b6f-417acde0ac58"/>
  </ds:schemaRefs>
</ds:datastoreItem>
</file>

<file path=customXml/itemProps3.xml><?xml version="1.0" encoding="utf-8"?>
<ds:datastoreItem xmlns:ds="http://schemas.openxmlformats.org/officeDocument/2006/customXml" ds:itemID="{8C36FA10-50DF-45F9-877B-AFA29459D7D7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2226</TotalTime>
  <Words>4017</Words>
  <Application>Microsoft Office PowerPoint</Application>
  <PresentationFormat>Custom</PresentationFormat>
  <Paragraphs>838</Paragraphs>
  <Slides>93</Slides>
  <Notes>7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93</vt:i4>
      </vt:variant>
    </vt:vector>
  </HeadingPairs>
  <TitlesOfParts>
    <vt:vector size="94" baseType="lpstr">
      <vt:lpstr>Office Theme</vt:lpstr>
      <vt:lpstr>Slide 1</vt:lpstr>
      <vt:lpstr>Module 4: Input/output Organization  </vt:lpstr>
      <vt:lpstr> Computer Architecture</vt:lpstr>
      <vt:lpstr> Computer Architecture</vt:lpstr>
      <vt:lpstr>Slide 5</vt:lpstr>
      <vt:lpstr>Overview</vt:lpstr>
      <vt:lpstr>Peripheral Devices</vt:lpstr>
      <vt:lpstr>Accessing I/O Devices</vt:lpstr>
      <vt:lpstr>Slide 9</vt:lpstr>
      <vt:lpstr>Slide 10</vt:lpstr>
      <vt:lpstr>I/O Interface</vt:lpstr>
      <vt:lpstr>The major differences are as follows:</vt:lpstr>
      <vt:lpstr>Interface Module</vt:lpstr>
      <vt:lpstr>Types of Data Transfer</vt:lpstr>
      <vt:lpstr>Slide 15</vt:lpstr>
      <vt:lpstr>Synchronous Data Transfer</vt:lpstr>
      <vt:lpstr>Asynchronous Parallel Data Transfer</vt:lpstr>
      <vt:lpstr>Source Initiated Strobe controlled</vt:lpstr>
      <vt:lpstr>Destination Initiated Strobe controlled</vt:lpstr>
      <vt:lpstr>Slide 20</vt:lpstr>
      <vt:lpstr>Slide 21</vt:lpstr>
      <vt:lpstr>Handshaking</vt:lpstr>
      <vt:lpstr>Source Initiated Handshaking</vt:lpstr>
      <vt:lpstr>Destination Initiated Handshaking</vt:lpstr>
      <vt:lpstr>Slide 25</vt:lpstr>
      <vt:lpstr>Asynchronous Serial Data Transfer</vt:lpstr>
      <vt:lpstr>Slide 27</vt:lpstr>
      <vt:lpstr>Slide 28</vt:lpstr>
      <vt:lpstr>Communication Interface</vt:lpstr>
      <vt:lpstr>Interrupt</vt:lpstr>
      <vt:lpstr>Slide 31</vt:lpstr>
      <vt:lpstr>Types of Interrupt</vt:lpstr>
      <vt:lpstr>Slide 33</vt:lpstr>
      <vt:lpstr>Slide 34</vt:lpstr>
      <vt:lpstr>Slide 35</vt:lpstr>
      <vt:lpstr>Modes of Data Transfer</vt:lpstr>
      <vt:lpstr>Programmed I/O</vt:lpstr>
      <vt:lpstr>Interrupt Initiated I/O</vt:lpstr>
      <vt:lpstr>Priority Interrupt</vt:lpstr>
      <vt:lpstr>Software Priority Method</vt:lpstr>
      <vt:lpstr>Hardware Priority Method</vt:lpstr>
      <vt:lpstr>Daisy-Chaining Priority interrupt Method</vt:lpstr>
      <vt:lpstr>Direct Memory Access (DMA)</vt:lpstr>
      <vt:lpstr>DMA Controller</vt:lpstr>
      <vt:lpstr>DMA block diagram</vt:lpstr>
      <vt:lpstr>DMA Data Transfer</vt:lpstr>
      <vt:lpstr>2. Cycle Stealing Mode:</vt:lpstr>
      <vt:lpstr>3. Transparent Mode</vt:lpstr>
      <vt:lpstr>I/O Channel and Processor (IOP)</vt:lpstr>
      <vt:lpstr>Slide 50</vt:lpstr>
      <vt:lpstr>Slide 51</vt:lpstr>
      <vt:lpstr>Introduction</vt:lpstr>
      <vt:lpstr>An Overview of Parallel Processing</vt:lpstr>
      <vt:lpstr>Flynn’s Classification</vt:lpstr>
      <vt:lpstr>Slide 55</vt:lpstr>
      <vt:lpstr>SISD</vt:lpstr>
      <vt:lpstr>SIMD</vt:lpstr>
      <vt:lpstr>MISD</vt:lpstr>
      <vt:lpstr>MIMD</vt:lpstr>
      <vt:lpstr>Slide 60</vt:lpstr>
      <vt:lpstr>Interconnection Topology</vt:lpstr>
      <vt:lpstr>Slide 62</vt:lpstr>
      <vt:lpstr>Pipeline</vt:lpstr>
      <vt:lpstr>Slide 64</vt:lpstr>
      <vt:lpstr>Slide 65</vt:lpstr>
      <vt:lpstr>General Structure of Pipeline</vt:lpstr>
      <vt:lpstr>Space-Time Diagram</vt:lpstr>
      <vt:lpstr>Non-pipeline vs. Pipeline</vt:lpstr>
      <vt:lpstr>Slide 69</vt:lpstr>
      <vt:lpstr>▶ Generally there are two areas of computer design where the pipeline mostly applicable.</vt:lpstr>
      <vt:lpstr>Example of Arithmetic Pipeline</vt:lpstr>
      <vt:lpstr>Comments about Pipeline</vt:lpstr>
      <vt:lpstr>CPU Architecture</vt:lpstr>
      <vt:lpstr>CISC</vt:lpstr>
      <vt:lpstr>Slide 75</vt:lpstr>
      <vt:lpstr>Advantages</vt:lpstr>
      <vt:lpstr>Disadvantages</vt:lpstr>
      <vt:lpstr>RISC</vt:lpstr>
      <vt:lpstr>Slide 79</vt:lpstr>
      <vt:lpstr>Advantages</vt:lpstr>
      <vt:lpstr>Disadvantages</vt:lpstr>
      <vt:lpstr>Slide 82</vt:lpstr>
      <vt:lpstr>What is a Vector Processor?</vt:lpstr>
      <vt:lpstr>History</vt:lpstr>
      <vt:lpstr>How It Works</vt:lpstr>
      <vt:lpstr>Advantages</vt:lpstr>
      <vt:lpstr>Disadvantages</vt:lpstr>
      <vt:lpstr>Slide 88</vt:lpstr>
      <vt:lpstr>Slide 89</vt:lpstr>
      <vt:lpstr>Slide 90</vt:lpstr>
      <vt:lpstr>Did You Know?</vt:lpstr>
      <vt:lpstr>Summary</vt:lpstr>
      <vt:lpstr>Thank you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updated_OOP_JAVA_module_3_ID-reviewed</dc:title>
  <dc:creator>atharva kantak</dc:creator>
  <cp:lastModifiedBy>vijayanand</cp:lastModifiedBy>
  <cp:revision>195</cp:revision>
  <dcterms:created xsi:type="dcterms:W3CDTF">2022-06-18T13:20:00Z</dcterms:created>
  <dcterms:modified xsi:type="dcterms:W3CDTF">2023-05-23T08:05:1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ICV">
    <vt:lpwstr>B8CDD5A95ED7477595AD0C651D276AA5</vt:lpwstr>
  </property>
  <property fmtid="{D5CDD505-2E9C-101B-9397-08002B2CF9AE}" pid="3" name="KSOProductBuildVer">
    <vt:lpwstr>1033-11.2.0.11498</vt:lpwstr>
  </property>
  <property fmtid="{D5CDD505-2E9C-101B-9397-08002B2CF9AE}" pid="4" name="ContentTypeId">
    <vt:lpwstr>0x01010032BC1B890511254D865826FEFDF7970E</vt:lpwstr>
  </property>
</Properties>
</file>